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78\BLOCO II\CONTABILIDADE\IG - INFORMAÇÕES GERENCIAIS\Documentos - Informações Gerenciais\2019\LRF-2019\RREO 6º Bim 2019\"/>
    </mc:Choice>
  </mc:AlternateContent>
  <bookViews>
    <workbookView xWindow="0" yWindow="0" windowWidth="20490" windowHeight="7350" firstSheet="11" activeTab="12"/>
  </bookViews>
  <sheets>
    <sheet name="Anexo - 01 - Balanço Orçamentár" sheetId="1" r:id="rId1"/>
    <sheet name="Anexo - 02 - Despesas Função Su" sheetId="2" r:id="rId2"/>
    <sheet name="Anexo - 03 - Receita Corrente L" sheetId="3" r:id="rId3"/>
    <sheet name="Anexo - 04 - Previdência" sheetId="4" r:id="rId4"/>
    <sheet name="Anexo - 06 - Resultado Primário" sheetId="5" r:id="rId5"/>
    <sheet name="Anexo - 07 - Restos a Pagar" sheetId="6" r:id="rId6"/>
    <sheet name="Anexo - 08 - Receitas e Despesa" sheetId="7" r:id="rId7"/>
    <sheet name="Anexo - 09 - Operações de Crédi" sheetId="8" r:id="rId8"/>
    <sheet name="Anexo - 10 - Projeção Atuarial " sheetId="9" r:id="rId9"/>
    <sheet name="Anexo - 11 - Receitas de Aliena" sheetId="10" r:id="rId10"/>
    <sheet name="Anexo - 12 - Receitas e Despesa" sheetId="11" r:id="rId11"/>
    <sheet name="Anexo - 13 - Parcerias Público-" sheetId="12" r:id="rId12"/>
    <sheet name="Anexo - 14 - Resumo Execução Or" sheetId="13" r:id="rId13"/>
  </sheets>
  <calcPr calcId="0"/>
</workbook>
</file>

<file path=xl/sharedStrings.xml><?xml version="1.0" encoding="utf-8"?>
<sst xmlns="http://schemas.openxmlformats.org/spreadsheetml/2006/main" count="2952" uniqueCount="1253">
  <si>
    <t>ESTADO DE MATO GROSSO DO SUL</t>
  </si>
  <si>
    <t>Relatório Resumido de Execução Orçamentária</t>
  </si>
  <si>
    <t>Anexo 1 - Balanço Orçamentário</t>
  </si>
  <si>
    <t>Orçamentos Fiscal e da Seguridade Social</t>
  </si>
  <si>
    <t>Novembro até Dezembro - 6º Bimestre/2019</t>
  </si>
  <si>
    <t>LRF, Art. 52, inciso I, alíneas "a" e "b" do inciso II e §1º</t>
  </si>
  <si>
    <t>Nº</t>
  </si>
  <si>
    <t/>
  </si>
  <si>
    <t>RECEITAS</t>
  </si>
  <si>
    <t>Previsão Inicial</t>
  </si>
  <si>
    <t>Previsão Atualizada (a)</t>
  </si>
  <si>
    <t>Receitas Realizadas</t>
  </si>
  <si>
    <t>No Bimestre (b)</t>
  </si>
  <si>
    <t>% (b/a)</t>
  </si>
  <si>
    <t>Até o Bimestre (c)</t>
  </si>
  <si>
    <t>% (c/a)</t>
  </si>
  <si>
    <t>Saldo (a - c)</t>
  </si>
  <si>
    <t>1</t>
  </si>
  <si>
    <t xml:space="preserve">      RECEITAS (EXCETO INTRA-ORÇAMENTÁRIAS) (I)</t>
  </si>
  <si>
    <t>2</t>
  </si>
  <si>
    <t xml:space="preserve">         RECEITAS CORRENTES</t>
  </si>
  <si>
    <t>3</t>
  </si>
  <si>
    <t xml:space="preserve">            IMPOSTOS, TAXAS E CONTRIBUIÇÕES DE MELHORIA</t>
  </si>
  <si>
    <t>4</t>
  </si>
  <si>
    <t xml:space="preserve">               Impostos</t>
  </si>
  <si>
    <t>5</t>
  </si>
  <si>
    <t xml:space="preserve">               Taxas</t>
  </si>
  <si>
    <t>6</t>
  </si>
  <si>
    <t xml:space="preserve">               Contribuição de Melhoria</t>
  </si>
  <si>
    <t>7</t>
  </si>
  <si>
    <t xml:space="preserve">            CONTRIBUIÇÕES</t>
  </si>
  <si>
    <t>8</t>
  </si>
  <si>
    <t xml:space="preserve">               Contribuições Sociais</t>
  </si>
  <si>
    <t>9</t>
  </si>
  <si>
    <t xml:space="preserve">               Contribuições Econômicas</t>
  </si>
  <si>
    <t>10</t>
  </si>
  <si>
    <t xml:space="preserve">               Contribuições para Entidades Privadas de Serviço Social e de Formação Profissional</t>
  </si>
  <si>
    <t>11</t>
  </si>
  <si>
    <t xml:space="preserve">               Contribuição para o Custeio do Serviço de Iluminação Pública</t>
  </si>
  <si>
    <t>12</t>
  </si>
  <si>
    <t xml:space="preserve">            RECEITA PATRIMONIAL</t>
  </si>
  <si>
    <t>13</t>
  </si>
  <si>
    <t xml:space="preserve">               Exploração do Patrimônio Imobiliário do Estado</t>
  </si>
  <si>
    <t>14</t>
  </si>
  <si>
    <t xml:space="preserve">               Valores Mobiliários</t>
  </si>
  <si>
    <t>15</t>
  </si>
  <si>
    <t xml:space="preserve">               Delegação de Serviços Públicos Mediante Concessão, Permissão, Autorização ou Licença</t>
  </si>
  <si>
    <t>16</t>
  </si>
  <si>
    <t xml:space="preserve">               Exploração de Recursos Naturais</t>
  </si>
  <si>
    <t>17</t>
  </si>
  <si>
    <t xml:space="preserve">               Exploração do Patrimônio Intangível</t>
  </si>
  <si>
    <t>18</t>
  </si>
  <si>
    <t xml:space="preserve">               Cessão de Direitos</t>
  </si>
  <si>
    <t>19</t>
  </si>
  <si>
    <t xml:space="preserve">               Demais Receitas Patrimoniais</t>
  </si>
  <si>
    <t>20</t>
  </si>
  <si>
    <t xml:space="preserve">            RECEITA AGROPECUÁRIA</t>
  </si>
  <si>
    <t>21</t>
  </si>
  <si>
    <t xml:space="preserve">            RECEITA INDUSTRIAL</t>
  </si>
  <si>
    <t>22</t>
  </si>
  <si>
    <t xml:space="preserve">            RECEITA DE SERVIÇOS</t>
  </si>
  <si>
    <t>23</t>
  </si>
  <si>
    <t xml:space="preserve">               Serviços Administrativos e Comerciais Gerais</t>
  </si>
  <si>
    <t>24</t>
  </si>
  <si>
    <t xml:space="preserve">               Serviços e Atividades Referentes à Navegação e ao Transporte</t>
  </si>
  <si>
    <t>25</t>
  </si>
  <si>
    <t xml:space="preserve">               Serviços e Atividades referentes à Saúde</t>
  </si>
  <si>
    <t>26</t>
  </si>
  <si>
    <t xml:space="preserve">               Serviços e Atividades Financeiras</t>
  </si>
  <si>
    <t>27</t>
  </si>
  <si>
    <t xml:space="preserve">               Outros Serviços</t>
  </si>
  <si>
    <t>28</t>
  </si>
  <si>
    <t xml:space="preserve">            TRANSFERÊNCIAS CORRENTES</t>
  </si>
  <si>
    <t>29</t>
  </si>
  <si>
    <t xml:space="preserve">               Transferências da União e de suas Entidades</t>
  </si>
  <si>
    <t>30</t>
  </si>
  <si>
    <t xml:space="preserve">               Transferências dos Estados e do Distrito Federal e de suas Entidades</t>
  </si>
  <si>
    <t>31</t>
  </si>
  <si>
    <t xml:space="preserve">               Transferências dos Municípios e de suas Entidades</t>
  </si>
  <si>
    <t>32</t>
  </si>
  <si>
    <t xml:space="preserve">               Transferências de Instituições Privadas</t>
  </si>
  <si>
    <t>33</t>
  </si>
  <si>
    <t xml:space="preserve">               Transferências de Outras Instituições Públicas</t>
  </si>
  <si>
    <t>34</t>
  </si>
  <si>
    <t xml:space="preserve">               Transferências do Exterior</t>
  </si>
  <si>
    <t>35</t>
  </si>
  <si>
    <t xml:space="preserve">               Transferências de Pessoas Físicas</t>
  </si>
  <si>
    <t>36</t>
  </si>
  <si>
    <t xml:space="preserve">               Transferências Provenientes de Depósitos Não Identificados</t>
  </si>
  <si>
    <t>37</t>
  </si>
  <si>
    <t xml:space="preserve">            OUTRAS RECEITAS CORRENTES</t>
  </si>
  <si>
    <t>38</t>
  </si>
  <si>
    <t xml:space="preserve">               Multas Administrativas, Contratuais e Judiciais</t>
  </si>
  <si>
    <t>39</t>
  </si>
  <si>
    <t xml:space="preserve">               Indenizações, Restituições e Ressarcimentos</t>
  </si>
  <si>
    <t>40</t>
  </si>
  <si>
    <t xml:space="preserve">               Bens, Direitos e Valores Incorporados ao Patrimônio Público</t>
  </si>
  <si>
    <t>41</t>
  </si>
  <si>
    <t xml:space="preserve">               Demais Receitas Correntes</t>
  </si>
  <si>
    <t>42</t>
  </si>
  <si>
    <t xml:space="preserve">         RECEITAS DE CAPITAL</t>
  </si>
  <si>
    <t>43</t>
  </si>
  <si>
    <t xml:space="preserve">            OPERAÇÕES DE CRÉDITO</t>
  </si>
  <si>
    <t>44</t>
  </si>
  <si>
    <t xml:space="preserve">               Operações de Crédito - Mercado Interno</t>
  </si>
  <si>
    <t>45</t>
  </si>
  <si>
    <t xml:space="preserve">               Operações de Crédito - Mercado Externo</t>
  </si>
  <si>
    <t>46</t>
  </si>
  <si>
    <t xml:space="preserve">            ALIENAÇÃO DE BENS</t>
  </si>
  <si>
    <t>47</t>
  </si>
  <si>
    <t xml:space="preserve">               Alienação de Bens Móveis</t>
  </si>
  <si>
    <t>48</t>
  </si>
  <si>
    <t xml:space="preserve">               Alienação de Bens Imóveis</t>
  </si>
  <si>
    <t>49</t>
  </si>
  <si>
    <t xml:space="preserve">               Alienação de Bens Intangíveis</t>
  </si>
  <si>
    <t>50</t>
  </si>
  <si>
    <t xml:space="preserve">            AMORTIZAÇÕES DE EMPRÉSTIMOS</t>
  </si>
  <si>
    <t>51</t>
  </si>
  <si>
    <t xml:space="preserve">            TRANSFERÊNCIAS DE CAPITAL</t>
  </si>
  <si>
    <t>52</t>
  </si>
  <si>
    <t>53</t>
  </si>
  <si>
    <t>54</t>
  </si>
  <si>
    <t>55</t>
  </si>
  <si>
    <t>56</t>
  </si>
  <si>
    <t>57</t>
  </si>
  <si>
    <t>58</t>
  </si>
  <si>
    <t>59</t>
  </si>
  <si>
    <t>60</t>
  </si>
  <si>
    <t xml:space="preserve">            OUTRAS RECEITAS DE CAPITAL</t>
  </si>
  <si>
    <t>61</t>
  </si>
  <si>
    <t xml:space="preserve">               Integralização do Capital Social</t>
  </si>
  <si>
    <t>62</t>
  </si>
  <si>
    <t xml:space="preserve">               Remuneração das Disponibilidades do Tesouro</t>
  </si>
  <si>
    <t>63</t>
  </si>
  <si>
    <t xml:space="preserve">               Resgate de Títulos do Tesouro</t>
  </si>
  <si>
    <t>64</t>
  </si>
  <si>
    <t xml:space="preserve">               Demais Receitas de Capital</t>
  </si>
  <si>
    <t>65</t>
  </si>
  <si>
    <t xml:space="preserve">      RECEITAS (INTRA-ORÇAMENTÁRIAS) (II)</t>
  </si>
  <si>
    <t>66</t>
  </si>
  <si>
    <t xml:space="preserve">   SUBTOTAL DAS RECEITAS (III) = (I + II)</t>
  </si>
  <si>
    <t>67</t>
  </si>
  <si>
    <t xml:space="preserve">   OPERAÇÕES DE CRÉDITO / REFINANCIAMENTO  (IV)</t>
  </si>
  <si>
    <t>68</t>
  </si>
  <si>
    <t xml:space="preserve">      Operações de Crédito Internas</t>
  </si>
  <si>
    <t>69</t>
  </si>
  <si>
    <t xml:space="preserve">         Mobiliária</t>
  </si>
  <si>
    <t>70</t>
  </si>
  <si>
    <t xml:space="preserve">         Contratual</t>
  </si>
  <si>
    <t>71</t>
  </si>
  <si>
    <t xml:space="preserve">      Operações de Crédito Externas</t>
  </si>
  <si>
    <t>72</t>
  </si>
  <si>
    <t>73</t>
  </si>
  <si>
    <t>74</t>
  </si>
  <si>
    <t>SUBTOTAL COM REFINANCIAMENTO (V) = (III + IV)</t>
  </si>
  <si>
    <t>75</t>
  </si>
  <si>
    <t>DÉFICIT (VI)1</t>
  </si>
  <si>
    <t>76</t>
  </si>
  <si>
    <t>TOTAL (VII) = (V + VI)</t>
  </si>
  <si>
    <t>77</t>
  </si>
  <si>
    <t>SALDOS DE EXERCÍCIOS ANTERIORES</t>
  </si>
  <si>
    <t>78</t>
  </si>
  <si>
    <t>Recursos Arrecadados em Exercícios Anteriores - RPPS</t>
  </si>
  <si>
    <t>79</t>
  </si>
  <si>
    <t>Superávit Financeiro Utilizado para Créditos Adicionais</t>
  </si>
  <si>
    <t>DESPESAS</t>
  </si>
  <si>
    <t>Dotação Inicial (d)</t>
  </si>
  <si>
    <t>Dotação Atualizada (e)</t>
  </si>
  <si>
    <t>Despesas Empenhadas</t>
  </si>
  <si>
    <t>No Bimestre</t>
  </si>
  <si>
    <t xml:space="preserve">Até o Bimestre (f) </t>
  </si>
  <si>
    <t>Saldo (g) = (e-f)</t>
  </si>
  <si>
    <t>Despesas Liquidadas</t>
  </si>
  <si>
    <t xml:space="preserve">No Bimestre  </t>
  </si>
  <si>
    <t xml:space="preserve">Até o Bimestre (h) </t>
  </si>
  <si>
    <t>Saldo (i) = (e-h)</t>
  </si>
  <si>
    <t>Despesas Pagas Até o Bimestre (j)</t>
  </si>
  <si>
    <t>Inscritas em Restos a Pagar Não Processados (k)</t>
  </si>
  <si>
    <t>80</t>
  </si>
  <si>
    <t xml:space="preserve">      DESPESAS (EXCETO INTRA-ORÇAMENTÁRIAS) (VIII)</t>
  </si>
  <si>
    <t>81</t>
  </si>
  <si>
    <t xml:space="preserve">         DESPESAS CORRENTES</t>
  </si>
  <si>
    <t>82</t>
  </si>
  <si>
    <t xml:space="preserve">            PESSOAL E ENCARGOS SOCIAIS</t>
  </si>
  <si>
    <t>83</t>
  </si>
  <si>
    <t xml:space="preserve">            JUROS E ENCARGOS DA DÍVIDA</t>
  </si>
  <si>
    <t>84</t>
  </si>
  <si>
    <t xml:space="preserve">            OUTRAS DESPESAS CORRENTES</t>
  </si>
  <si>
    <t>85</t>
  </si>
  <si>
    <t xml:space="preserve">               Transferências a Municípios²</t>
  </si>
  <si>
    <t>86</t>
  </si>
  <si>
    <t xml:space="preserve">               Demais Despesas Correntes²</t>
  </si>
  <si>
    <t>87</t>
  </si>
  <si>
    <t xml:space="preserve">         DESPESAS DE CAPITAL</t>
  </si>
  <si>
    <t>88</t>
  </si>
  <si>
    <t xml:space="preserve">            INVESTIMENTOS</t>
  </si>
  <si>
    <t>89</t>
  </si>
  <si>
    <t xml:space="preserve">            INVERSÕES FINANCEIRAS</t>
  </si>
  <si>
    <t>90</t>
  </si>
  <si>
    <t xml:space="preserve">            AMORTIZAÇÃO DA DÍVIDA</t>
  </si>
  <si>
    <t>91</t>
  </si>
  <si>
    <t xml:space="preserve">         RESERVA DE CONTINGÊNCIA</t>
  </si>
  <si>
    <t>92</t>
  </si>
  <si>
    <t xml:space="preserve">      DESPESAS (INTRA-ORÇAMENTÁRIAS) (IX)</t>
  </si>
  <si>
    <t>93</t>
  </si>
  <si>
    <t xml:space="preserve">   SUBTOTAL DAS DESPESAS (X) = (VIII + IX)</t>
  </si>
  <si>
    <t>94</t>
  </si>
  <si>
    <t xml:space="preserve">   AMORTIZAÇÃO DA DÍV. / REFINANCIAMENTO (XI)</t>
  </si>
  <si>
    <t>95</t>
  </si>
  <si>
    <t xml:space="preserve">      Amortização da Dívida Interna</t>
  </si>
  <si>
    <t>96</t>
  </si>
  <si>
    <t xml:space="preserve">         Dívida Mobiliária</t>
  </si>
  <si>
    <t>97</t>
  </si>
  <si>
    <t xml:space="preserve">         Outras Dívidas</t>
  </si>
  <si>
    <t>98</t>
  </si>
  <si>
    <t xml:space="preserve">      Amortização da Dívida Externa</t>
  </si>
  <si>
    <t>99</t>
  </si>
  <si>
    <t>100</t>
  </si>
  <si>
    <t>101</t>
  </si>
  <si>
    <t>SUBTOTAL C/ REFINANCIAMENTO (XII) = (X + XI)</t>
  </si>
  <si>
    <t>102</t>
  </si>
  <si>
    <t>SUPERÁVIT (XIII)</t>
  </si>
  <si>
    <t>103</t>
  </si>
  <si>
    <t>TOTAL (XIV) = (XII + XIII)</t>
  </si>
  <si>
    <t>104</t>
  </si>
  <si>
    <t>RESERVA DO RPPS</t>
  </si>
  <si>
    <t>RECEITAS (INTRA-ORÇAMENTÁRIAS)</t>
  </si>
  <si>
    <t>105</t>
  </si>
  <si>
    <t>RECEITAS (INTRA-ORÇAMENTÁRIAS) (II)</t>
  </si>
  <si>
    <t>106</t>
  </si>
  <si>
    <t>RECEITAS CORRENTES</t>
  </si>
  <si>
    <t>107</t>
  </si>
  <si>
    <t xml:space="preserve">   IMPOSTOS, TAXAS E CONTRIBUIÇÕES DE MELHORIA</t>
  </si>
  <si>
    <t>108</t>
  </si>
  <si>
    <t xml:space="preserve">      Impostos</t>
  </si>
  <si>
    <t>109</t>
  </si>
  <si>
    <t xml:space="preserve">      Taxas</t>
  </si>
  <si>
    <t>110</t>
  </si>
  <si>
    <t xml:space="preserve">      Contribuição de Melhoria</t>
  </si>
  <si>
    <t>111</t>
  </si>
  <si>
    <t xml:space="preserve">   CONTRIBUIÇÕES</t>
  </si>
  <si>
    <t>112</t>
  </si>
  <si>
    <t xml:space="preserve">      Contribuições Sociais</t>
  </si>
  <si>
    <t>113</t>
  </si>
  <si>
    <t xml:space="preserve">      Contribuições Econômicas</t>
  </si>
  <si>
    <t>114</t>
  </si>
  <si>
    <t xml:space="preserve">      Contribuições para Entidades Privadas de Serviço Social e de Formação Profissional</t>
  </si>
  <si>
    <t>115</t>
  </si>
  <si>
    <t xml:space="preserve">      Contribuição para o Custeio do Serviço de Iluminação Pública</t>
  </si>
  <si>
    <t>116</t>
  </si>
  <si>
    <t xml:space="preserve">   RECEITA PATRIMONIAL</t>
  </si>
  <si>
    <t>117</t>
  </si>
  <si>
    <t xml:space="preserve">      Exploração do Patrimônio Imobiliário do Estado</t>
  </si>
  <si>
    <t>118</t>
  </si>
  <si>
    <t xml:space="preserve">      Valores Mobiliários</t>
  </si>
  <si>
    <t>119</t>
  </si>
  <si>
    <t xml:space="preserve">      Delegação de Serviços Públicos Mediante Concessão, Permissão, Autorização ou Licença</t>
  </si>
  <si>
    <t>120</t>
  </si>
  <si>
    <t xml:space="preserve">      Exploração de Recursos Naturais</t>
  </si>
  <si>
    <t>121</t>
  </si>
  <si>
    <t xml:space="preserve">      Exploração do Patrimônio Intangível</t>
  </si>
  <si>
    <t>122</t>
  </si>
  <si>
    <t xml:space="preserve">      Cessão de Direitos</t>
  </si>
  <si>
    <t>123</t>
  </si>
  <si>
    <t xml:space="preserve">      Demais Receitas Patrimoniais</t>
  </si>
  <si>
    <t>124</t>
  </si>
  <si>
    <t xml:space="preserve">   RECEITA AGROPECUÁRIA</t>
  </si>
  <si>
    <t>125</t>
  </si>
  <si>
    <t xml:space="preserve">   RECEITA INDUSTRIAL</t>
  </si>
  <si>
    <t>126</t>
  </si>
  <si>
    <t xml:space="preserve">   RECEITA DE SERVIÇOS</t>
  </si>
  <si>
    <t>127</t>
  </si>
  <si>
    <t xml:space="preserve">      Serviços Administrativos e Comerciais Gerais</t>
  </si>
  <si>
    <t>128</t>
  </si>
  <si>
    <t xml:space="preserve">      Serviços e Atividades Referentes à Navegação e ao Transporte</t>
  </si>
  <si>
    <t>129</t>
  </si>
  <si>
    <t xml:space="preserve">      Serviços e Atividades referentes à Saúde</t>
  </si>
  <si>
    <t>130</t>
  </si>
  <si>
    <t xml:space="preserve">      Serviços e Atividades Financeiras</t>
  </si>
  <si>
    <t>131</t>
  </si>
  <si>
    <t xml:space="preserve">      Outros Serviços</t>
  </si>
  <si>
    <t>132</t>
  </si>
  <si>
    <t xml:space="preserve">   TRANSFERÊNCIAS CORRENTES</t>
  </si>
  <si>
    <t>133</t>
  </si>
  <si>
    <t xml:space="preserve">      Transferências da União e de suas Entidades</t>
  </si>
  <si>
    <t>134</t>
  </si>
  <si>
    <t xml:space="preserve">      Transferências dos Estados e do Distrito Federal e de suas Entidades</t>
  </si>
  <si>
    <t>135</t>
  </si>
  <si>
    <t xml:space="preserve">      Transferências dos Municípios e de suas Entidades</t>
  </si>
  <si>
    <t>136</t>
  </si>
  <si>
    <t xml:space="preserve">      Transferências de Instituições Privadas</t>
  </si>
  <si>
    <t>137</t>
  </si>
  <si>
    <t xml:space="preserve">      Transferências de Outras Instituições Públicas</t>
  </si>
  <si>
    <t>138</t>
  </si>
  <si>
    <t xml:space="preserve">      Transferências do Exterior</t>
  </si>
  <si>
    <t>139</t>
  </si>
  <si>
    <t xml:space="preserve">      Transferências de Pessoas Físicas</t>
  </si>
  <si>
    <t>140</t>
  </si>
  <si>
    <t xml:space="preserve">      Transferências Provenientes de Depósitos Não Identificados</t>
  </si>
  <si>
    <t>141</t>
  </si>
  <si>
    <t xml:space="preserve">   OUTRAS RECEITAS CORRENTES</t>
  </si>
  <si>
    <t>142</t>
  </si>
  <si>
    <t xml:space="preserve">      Multas Administrativas, Contratuais e Judiciais</t>
  </si>
  <si>
    <t>143</t>
  </si>
  <si>
    <t xml:space="preserve">      Indenizações, Restituições e Ressarcimentos</t>
  </si>
  <si>
    <t>144</t>
  </si>
  <si>
    <t xml:space="preserve">      Bens, Direitos e Valores Incorporados ao Patrimônio Público</t>
  </si>
  <si>
    <t>145</t>
  </si>
  <si>
    <t xml:space="preserve">      Demais Receitas Correntes</t>
  </si>
  <si>
    <t>146</t>
  </si>
  <si>
    <t>RECEITAS DE CAPITAL</t>
  </si>
  <si>
    <t>147</t>
  </si>
  <si>
    <t xml:space="preserve">   OPERAÇÕES DE CRÉDITO</t>
  </si>
  <si>
    <t>148</t>
  </si>
  <si>
    <t xml:space="preserve">      Operações de Crédito - Mercado Interno</t>
  </si>
  <si>
    <t>149</t>
  </si>
  <si>
    <t xml:space="preserve">      Operações de Crédito - Mercado Externo</t>
  </si>
  <si>
    <t>150</t>
  </si>
  <si>
    <t xml:space="preserve">   ALIENAÇÃO DE BENS</t>
  </si>
  <si>
    <t>151</t>
  </si>
  <si>
    <t xml:space="preserve">      Alienação de Bens Móveis</t>
  </si>
  <si>
    <t>152</t>
  </si>
  <si>
    <t xml:space="preserve">      Alienação de Bens Imóveis</t>
  </si>
  <si>
    <t>153</t>
  </si>
  <si>
    <t xml:space="preserve">      Alienação de Bens Intangíveis</t>
  </si>
  <si>
    <t>154</t>
  </si>
  <si>
    <t xml:space="preserve">   AMORTIZAÇÕES DE EMPRÉSTIMOS</t>
  </si>
  <si>
    <t>155</t>
  </si>
  <si>
    <t xml:space="preserve">   TRANSFERÊNCIAS DE CAPITAL</t>
  </si>
  <si>
    <t>156</t>
  </si>
  <si>
    <t>157</t>
  </si>
  <si>
    <t>158</t>
  </si>
  <si>
    <t>159</t>
  </si>
  <si>
    <t>160</t>
  </si>
  <si>
    <t>161</t>
  </si>
  <si>
    <t>162</t>
  </si>
  <si>
    <t>163</t>
  </si>
  <si>
    <t>164</t>
  </si>
  <si>
    <t xml:space="preserve">   OUTRAS RECEITAS DE CAPITAL</t>
  </si>
  <si>
    <t>165</t>
  </si>
  <si>
    <t xml:space="preserve">      Integralização do Capital Social</t>
  </si>
  <si>
    <t>166</t>
  </si>
  <si>
    <t xml:space="preserve">      Remuneração das Disponibilidades do Tesouro</t>
  </si>
  <si>
    <t>167</t>
  </si>
  <si>
    <t xml:space="preserve">      Resgate de Títulos do Tesouro       </t>
  </si>
  <si>
    <t>168</t>
  </si>
  <si>
    <t xml:space="preserve">      Demais Receitas de Capital</t>
  </si>
  <si>
    <t>DESPESAS (INTRA-ORÇAMENTÁRIAS)</t>
  </si>
  <si>
    <t>169</t>
  </si>
  <si>
    <t>DESPESAS (INTRA-ORÇAMENTÁRIAS) (IX)</t>
  </si>
  <si>
    <t>170</t>
  </si>
  <si>
    <t>DESPESAS CORRENTES</t>
  </si>
  <si>
    <t>171</t>
  </si>
  <si>
    <t xml:space="preserve">   PESSOAL E ENCARGOS SOCIAIS</t>
  </si>
  <si>
    <t>172</t>
  </si>
  <si>
    <t xml:space="preserve">   JUROS E ENCARGOS DA DÍVIDA</t>
  </si>
  <si>
    <t>173</t>
  </si>
  <si>
    <t xml:space="preserve">   OUTRAS DESPESAS CORRENTES</t>
  </si>
  <si>
    <t>174</t>
  </si>
  <si>
    <t>DESPESAS DE CAPITAL</t>
  </si>
  <si>
    <t>175</t>
  </si>
  <si>
    <t xml:space="preserve">   INVESTIMENTOS</t>
  </si>
  <si>
    <t>176</t>
  </si>
  <si>
    <t xml:space="preserve">   INVERSÕES FINANCEIRAS</t>
  </si>
  <si>
    <t>177</t>
  </si>
  <si>
    <t xml:space="preserve">   AMORTIZAÇÃO DA DÍVIDA</t>
  </si>
  <si>
    <t>178</t>
  </si>
  <si>
    <t>RESERVA DE CONTIGÊNCIA</t>
  </si>
  <si>
    <t>Anexo 2 - Demonstrativo da Execução das Despesas por Função/Subfunção</t>
  </si>
  <si>
    <t>LRF, Art. 52, inciso II, alíneas "c"</t>
  </si>
  <si>
    <t>FUNÇÃO/SUBFUNÇÃO</t>
  </si>
  <si>
    <t>Dotação Inicial</t>
  </si>
  <si>
    <t>Dotação Atualizada (a)</t>
  </si>
  <si>
    <t>Até o Bimestre (b)</t>
  </si>
  <si>
    <t>% (b/total b)</t>
  </si>
  <si>
    <t>Saldo (c) = (a-b)</t>
  </si>
  <si>
    <t xml:space="preserve">Até o Bimestre (d) </t>
  </si>
  <si>
    <t>% (d/total d)</t>
  </si>
  <si>
    <t>Saldo (e) = (a-d)</t>
  </si>
  <si>
    <t>Inscritas em Restos a Pagar Não Processados (1)</t>
  </si>
  <si>
    <t>DESPESAS EXCETO INTRA-ORÇAMENTÁRIA</t>
  </si>
  <si>
    <t xml:space="preserve">   01 - Legislativa</t>
  </si>
  <si>
    <t xml:space="preserve">      031 - Ação Legislativa</t>
  </si>
  <si>
    <t xml:space="preserve">      032 - Controle Externo</t>
  </si>
  <si>
    <t xml:space="preserve">   02 - Judiciária</t>
  </si>
  <si>
    <t xml:space="preserve">      061 - Ação Judiciária</t>
  </si>
  <si>
    <t xml:space="preserve">      122 - Administração Geral</t>
  </si>
  <si>
    <t xml:space="preserve">      126 - Tecnologia da Informação</t>
  </si>
  <si>
    <t xml:space="preserve">      128 - Formação de Recursos Humanos</t>
  </si>
  <si>
    <t xml:space="preserve">      131 - Comunicação Social</t>
  </si>
  <si>
    <t xml:space="preserve">      846 - Outros Encargos Especiais</t>
  </si>
  <si>
    <t xml:space="preserve">   03 - Essencial à Justiça</t>
  </si>
  <si>
    <t xml:space="preserve">      091 - Defesa da Ordem Jurídica</t>
  </si>
  <si>
    <t xml:space="preserve">      092 - Representação Judicial e Extrajudicial</t>
  </si>
  <si>
    <t xml:space="preserve">      422 - Direitos Individuais, Coletivos e Difusos</t>
  </si>
  <si>
    <t xml:space="preserve">   04 - Administração</t>
  </si>
  <si>
    <t xml:space="preserve">      123 - Administração Financeira</t>
  </si>
  <si>
    <t xml:space="preserve">      124 - Controle Interno</t>
  </si>
  <si>
    <t xml:space="preserve">      663 - Mineração</t>
  </si>
  <si>
    <t xml:space="preserve">   06 - Segurança Pública</t>
  </si>
  <si>
    <t xml:space="preserve">      181 - Policiamento</t>
  </si>
  <si>
    <t xml:space="preserve">      182 - Defesa Civil</t>
  </si>
  <si>
    <t xml:space="preserve">      183 - Informação e Inteligência</t>
  </si>
  <si>
    <t xml:space="preserve">   08 - Assistência Social</t>
  </si>
  <si>
    <t xml:space="preserve">      241 - Assistência ao Idoso</t>
  </si>
  <si>
    <t xml:space="preserve">      243 - Assistência à Criança e ao Adolescente</t>
  </si>
  <si>
    <t xml:space="preserve">      244 - Assistência Comunitária</t>
  </si>
  <si>
    <t xml:space="preserve">      364 - Ensino Superior</t>
  </si>
  <si>
    <t xml:space="preserve">      843 - Serviço da Dívida Interna</t>
  </si>
  <si>
    <t xml:space="preserve">   09 - Previdência Social</t>
  </si>
  <si>
    <t xml:space="preserve">      272 - Previdência do Regime Estatutário</t>
  </si>
  <si>
    <t xml:space="preserve">   10 - Saúde</t>
  </si>
  <si>
    <t xml:space="preserve">      301 - Atenção Básica</t>
  </si>
  <si>
    <t xml:space="preserve">      302 - Assistência Hospitalar e Ambulatorial</t>
  </si>
  <si>
    <t xml:space="preserve">      303 - Suporte Profilático e Terapêutico</t>
  </si>
  <si>
    <t xml:space="preserve">      304 - Vigilância Sanitária</t>
  </si>
  <si>
    <t xml:space="preserve">      305 - Vigilância Epidemiológica</t>
  </si>
  <si>
    <t xml:space="preserve">      331 - Proteção e Benefícios ao Trabalhador</t>
  </si>
  <si>
    <t xml:space="preserve">      363 - Ensino Profissional</t>
  </si>
  <si>
    <t xml:space="preserve">      511 - Saneamento Básico Rural</t>
  </si>
  <si>
    <t xml:space="preserve">   11 - Trabalho</t>
  </si>
  <si>
    <t xml:space="preserve">      334 - Fomento ao Trabalho</t>
  </si>
  <si>
    <t xml:space="preserve">   12 - Educação</t>
  </si>
  <si>
    <t xml:space="preserve">      361 - Ensino Fundamental</t>
  </si>
  <si>
    <t xml:space="preserve">      362 - Ensino Médio</t>
  </si>
  <si>
    <t xml:space="preserve">      365 - Educação Infantil</t>
  </si>
  <si>
    <t xml:space="preserve">      366 - Educação de Jovens e Adultos</t>
  </si>
  <si>
    <t xml:space="preserve">      367 - Educação Especial</t>
  </si>
  <si>
    <t xml:space="preserve">      368 - Educação Básica</t>
  </si>
  <si>
    <t xml:space="preserve">      571 - Desenvolvimento Científico</t>
  </si>
  <si>
    <t xml:space="preserve">      573 - Difusão do Conhecimento Científico e Tecnológico</t>
  </si>
  <si>
    <t xml:space="preserve">   13 - Cultura</t>
  </si>
  <si>
    <t xml:space="preserve">      392 - Difusão Cultural</t>
  </si>
  <si>
    <t xml:space="preserve">   14 - Direitos da Cidadania</t>
  </si>
  <si>
    <t xml:space="preserve">      130 - Administração de Concessões</t>
  </si>
  <si>
    <t xml:space="preserve">      421 - Custódia e Reintegração Social</t>
  </si>
  <si>
    <t xml:space="preserve">      423 - Assistência aos Povos Indígenas</t>
  </si>
  <si>
    <t xml:space="preserve">   15 - Urbanismo</t>
  </si>
  <si>
    <t xml:space="preserve">      451 - Infra-estrutura Urbana</t>
  </si>
  <si>
    <t xml:space="preserve">   16 - Habitação </t>
  </si>
  <si>
    <t xml:space="preserve">      482 - Habitação Urbana</t>
  </si>
  <si>
    <t xml:space="preserve">   17 - Saneamento</t>
  </si>
  <si>
    <t xml:space="preserve">      512 - Saneamento Básico Urbano</t>
  </si>
  <si>
    <t xml:space="preserve">   18 - Gestão Ambiental</t>
  </si>
  <si>
    <t xml:space="preserve">      541 - Preservação e Conservação Ambiental</t>
  </si>
  <si>
    <t xml:space="preserve">      542 - Controle Ambiental</t>
  </si>
  <si>
    <t xml:space="preserve">      544 - Recursos Hídricos</t>
  </si>
  <si>
    <t xml:space="preserve">      545 - Meteorologia</t>
  </si>
  <si>
    <t xml:space="preserve">   19 - Ciência e Tecnologia</t>
  </si>
  <si>
    <t xml:space="preserve">   20 - Agricultura</t>
  </si>
  <si>
    <t xml:space="preserve">      606 - Extensão Rural</t>
  </si>
  <si>
    <t xml:space="preserve">      607 - Irrigação</t>
  </si>
  <si>
    <t xml:space="preserve">      608 - Promoção da Produção Agropecuária</t>
  </si>
  <si>
    <t xml:space="preserve">      609 - Defesa Agropecuária</t>
  </si>
  <si>
    <t xml:space="preserve">      691 - Promoção Comercial</t>
  </si>
  <si>
    <t xml:space="preserve">   21 - Organização Agrária</t>
  </si>
  <si>
    <t xml:space="preserve">      631 - Reforma Agrária</t>
  </si>
  <si>
    <t xml:space="preserve">   22 - Indústria</t>
  </si>
  <si>
    <t xml:space="preserve">      661 - Promoção Industrial</t>
  </si>
  <si>
    <t xml:space="preserve">   23 - Comércio e Serviços</t>
  </si>
  <si>
    <t xml:space="preserve">      665 - Normalização e Qualidade</t>
  </si>
  <si>
    <t xml:space="preserve">      692 - Comercialização</t>
  </si>
  <si>
    <t xml:space="preserve">      695 - Turismo</t>
  </si>
  <si>
    <t xml:space="preserve">   24 - Comunicações</t>
  </si>
  <si>
    <t xml:space="preserve">   25 - Energia </t>
  </si>
  <si>
    <t xml:space="preserve">      751 - Conservação de Energia</t>
  </si>
  <si>
    <t xml:space="preserve">      752 - Energia Elétrica</t>
  </si>
  <si>
    <t xml:space="preserve">   26 - Transporte</t>
  </si>
  <si>
    <t xml:space="preserve">      781 - Transporte Aéreo</t>
  </si>
  <si>
    <t xml:space="preserve">      782 - Transporte Rodoviário</t>
  </si>
  <si>
    <t xml:space="preserve">      783 - Transporte Ferroviário</t>
  </si>
  <si>
    <t xml:space="preserve">      784 - Transporte Hidroviário</t>
  </si>
  <si>
    <t xml:space="preserve">   27 - Desporto e Lazer</t>
  </si>
  <si>
    <t xml:space="preserve">      811 - Desporto de Rendimento</t>
  </si>
  <si>
    <t xml:space="preserve">      812 - Desporto Comunitário</t>
  </si>
  <si>
    <t xml:space="preserve">   28 - Encargos Especiais</t>
  </si>
  <si>
    <t xml:space="preserve">      841 - Refinanciamento da Dívida Interna</t>
  </si>
  <si>
    <t xml:space="preserve">      844 - Serviço da Dívida Externa</t>
  </si>
  <si>
    <t xml:space="preserve">      845 - Outras Transferências</t>
  </si>
  <si>
    <t xml:space="preserve">   99 - Reservas</t>
  </si>
  <si>
    <t xml:space="preserve">      999 - Reserva de Contingência</t>
  </si>
  <si>
    <t>DESPESAS INTRA-ORÇAMENTÁRIA</t>
  </si>
  <si>
    <t>179</t>
  </si>
  <si>
    <t>180</t>
  </si>
  <si>
    <t>181</t>
  </si>
  <si>
    <t>182</t>
  </si>
  <si>
    <t>183</t>
  </si>
  <si>
    <t>184</t>
  </si>
  <si>
    <t>185</t>
  </si>
  <si>
    <t>186</t>
  </si>
  <si>
    <t>187</t>
  </si>
  <si>
    <t>188</t>
  </si>
  <si>
    <t>189</t>
  </si>
  <si>
    <t>190</t>
  </si>
  <si>
    <t>100001</t>
  </si>
  <si>
    <t>Total</t>
  </si>
  <si>
    <t>Anexo 3 - Demonstrativo da Receita Corrente Líquida</t>
  </si>
  <si>
    <t>LRF, Art. 53, inciso I</t>
  </si>
  <si>
    <t>ESPECIFICAÇÃO</t>
  </si>
  <si>
    <t>Evolução da Receita Realizada nos últimos 12 meses</t>
  </si>
  <si>
    <t>Jan/2019</t>
  </si>
  <si>
    <t>Fev/2019</t>
  </si>
  <si>
    <t>Mar/2019</t>
  </si>
  <si>
    <t>Abr/2019</t>
  </si>
  <si>
    <t>Mai/2019</t>
  </si>
  <si>
    <t>Jun/2019</t>
  </si>
  <si>
    <t>Jul/2019</t>
  </si>
  <si>
    <t>Ago/2019</t>
  </si>
  <si>
    <t>Set/2019</t>
  </si>
  <si>
    <t>Out/2019</t>
  </si>
  <si>
    <t>Nov/2019</t>
  </si>
  <si>
    <t>Dez/2019</t>
  </si>
  <si>
    <t>Total (ùltimos 12 Meses)</t>
  </si>
  <si>
    <t>Previsão Atualizada 2019</t>
  </si>
  <si>
    <t>RECEITAS CORRENTES (I)</t>
  </si>
  <si>
    <t xml:space="preserve">   Impostos, Taxas e Contribuições de Melhoria</t>
  </si>
  <si>
    <t xml:space="preserve">      ICMS</t>
  </si>
  <si>
    <t xml:space="preserve">      IPVA</t>
  </si>
  <si>
    <t xml:space="preserve">      ITCD</t>
  </si>
  <si>
    <t xml:space="preserve">      IRRF</t>
  </si>
  <si>
    <t xml:space="preserve">      Outros Impostos, Taxas e Contribuições de Melhoria</t>
  </si>
  <si>
    <t xml:space="preserve">      Rendimentos de Aplicação Financeira</t>
  </si>
  <si>
    <t xml:space="preserve">      Outras Receitas Patrimoniais</t>
  </si>
  <si>
    <t xml:space="preserve">      Cota-Parte do FPE</t>
  </si>
  <si>
    <t xml:space="preserve">      Transferências da LC 87/1996</t>
  </si>
  <si>
    <t xml:space="preserve">      Transferências da LC 61/1989</t>
  </si>
  <si>
    <t xml:space="preserve">      Transferências do FUNDEB</t>
  </si>
  <si>
    <t xml:space="preserve">      Outras Transferências Correntes</t>
  </si>
  <si>
    <t>DEDUÇÕES (II)</t>
  </si>
  <si>
    <t xml:space="preserve">   Transferências Constitucionais e Legais</t>
  </si>
  <si>
    <t xml:space="preserve">   Contrib. do Servidor para o Plano de Previdência</t>
  </si>
  <si>
    <t xml:space="preserve">   Compensação Financ. entre Regimes Previdência</t>
  </si>
  <si>
    <t xml:space="preserve">   Dedução de Receita para Formação do FUNDEB</t>
  </si>
  <si>
    <t>RECEITA CORRENTE LÍQUIDA (III) = (I - II)</t>
  </si>
  <si>
    <t>Anexo 4 - Demonstrativo das Receitas e Despesas Previdenciárias do RPPS</t>
  </si>
  <si>
    <t>LRF, Art. 53, inciso II</t>
  </si>
  <si>
    <t>RECEITAS PREVIDENCIÁRIAS - PLANO PREVIDENCIÁRIO</t>
  </si>
  <si>
    <t>Previsão Atualizada</t>
  </si>
  <si>
    <t>Até o Bimestre 2019</t>
  </si>
  <si>
    <t>Até o Bimestre 2018</t>
  </si>
  <si>
    <t>Receita de Contribuições dos Segurados</t>
  </si>
  <si>
    <t xml:space="preserve">   Civil</t>
  </si>
  <si>
    <t xml:space="preserve">      Ativo</t>
  </si>
  <si>
    <t xml:space="preserve">      Inativo</t>
  </si>
  <si>
    <t xml:space="preserve">      Pensionista</t>
  </si>
  <si>
    <t xml:space="preserve">   Militar</t>
  </si>
  <si>
    <t>Receita de Contribuições Patronais</t>
  </si>
  <si>
    <t>Receita Patrimonial</t>
  </si>
  <si>
    <t xml:space="preserve">   Receitas Imobiliárias</t>
  </si>
  <si>
    <t xml:space="preserve">   Receitas de Valores Mobiliários</t>
  </si>
  <si>
    <t xml:space="preserve">   Outras Receitas Patrimoniais</t>
  </si>
  <si>
    <t>Receita de Serviços</t>
  </si>
  <si>
    <t>Outras Receitas Correntes</t>
  </si>
  <si>
    <t xml:space="preserve">   Compensação Previdenciária do RGPS para o RPPS</t>
  </si>
  <si>
    <t xml:space="preserve">   Aportes Periódicos para Amortização de Déficit Atuarial do RPPS (II)1</t>
  </si>
  <si>
    <t xml:space="preserve">   Demais Receitas Correntes</t>
  </si>
  <si>
    <t>RECEITAS DE CAPITAL (III)</t>
  </si>
  <si>
    <t>Alienação de Bens, Direitos e Ativos</t>
  </si>
  <si>
    <t>Amortização de Empréstimos</t>
  </si>
  <si>
    <t>Outras Receitas de Capital</t>
  </si>
  <si>
    <t>TOTAL DAS RECEITAS PREVIDENCIÁRIAS RPPS - (IV) = (I + III - II)</t>
  </si>
  <si>
    <t>DESPESAS PREVIDENCIÁRIAS - PLANO PREVIDENCIÁRIO</t>
  </si>
  <si>
    <t>Dotação Atualizada</t>
  </si>
  <si>
    <t>Inscritas em Restos a Pagar Não Processados</t>
  </si>
  <si>
    <t>Em 2019</t>
  </si>
  <si>
    <t>Em 2018</t>
  </si>
  <si>
    <t>ADMINISTRAÇÃO (V)</t>
  </si>
  <si>
    <t xml:space="preserve">   Despesas Correntes</t>
  </si>
  <si>
    <t xml:space="preserve">   Despesas de Capital</t>
  </si>
  <si>
    <t>PREVIDÊNCIA (VI)</t>
  </si>
  <si>
    <t xml:space="preserve">   Benefícios - Civil</t>
  </si>
  <si>
    <t xml:space="preserve">      Aposentadorias</t>
  </si>
  <si>
    <t xml:space="preserve">      Pensões</t>
  </si>
  <si>
    <t xml:space="preserve">      Outros Benefícios Previdenciários</t>
  </si>
  <si>
    <t xml:space="preserve">   Benefícios - Militar</t>
  </si>
  <si>
    <t xml:space="preserve">      Reformas</t>
  </si>
  <si>
    <t xml:space="preserve">   Outras Despesas Previdenciárias</t>
  </si>
  <si>
    <t xml:space="preserve">      Compensação Previdenciária do RPPS para o RGPS</t>
  </si>
  <si>
    <t xml:space="preserve">      Demais Despesas Previdenciárias</t>
  </si>
  <si>
    <t>TOTAL DAS DESPESAS PREVIDENCIÁRIAS RPPS (VII) = (V + VI)</t>
  </si>
  <si>
    <t>RESULTADO PREVIDENCIÁRIO (VIII) = (IV – VII)²</t>
  </si>
  <si>
    <t>RESULTADO PREVIDENCIÁRIO (VIII) = (IV – VII)2</t>
  </si>
  <si>
    <t>RECURSOS RPPS ARRECADADOS EM EXERCÍCIOS ANTERIORES</t>
  </si>
  <si>
    <t>Previsão Orçamentária</t>
  </si>
  <si>
    <t>VALOR</t>
  </si>
  <si>
    <t>RESERVA ORÇAMENTÁRIA DO RPPS</t>
  </si>
  <si>
    <t>APORTES DE RECURSOS PARA O PLANO PREVIDENCIÁRIO DO RPPS</t>
  </si>
  <si>
    <t>Aportes Realizados</t>
  </si>
  <si>
    <t>Plano de Amortização - Contribuição Patronal Suplementar</t>
  </si>
  <si>
    <t>Plano de Amortização - Aporte Periódico de Valores Predefinidos</t>
  </si>
  <si>
    <t>Outros Aportes para o RPPS</t>
  </si>
  <si>
    <t>Recursos para Cobertura de Déficit Financeiro</t>
  </si>
  <si>
    <t>RECEITAS PREVIDENCIÁRIAS - PLANO FINANCEIRO</t>
  </si>
  <si>
    <t>Período de Referência</t>
  </si>
  <si>
    <t>2019</t>
  </si>
  <si>
    <t>2018</t>
  </si>
  <si>
    <t>Caixa e Equivalentes de Caixa</t>
  </si>
  <si>
    <t>Investimentos e Aplicações</t>
  </si>
  <si>
    <t>Outros Bens e Direitos</t>
  </si>
  <si>
    <t>DESPESAS PREVIDENCIÁRIAS - PLANO FINANCEIRO</t>
  </si>
  <si>
    <t>RECEITAS CORRENTES (IX)</t>
  </si>
  <si>
    <t xml:space="preserve">   Receita de Contribuições dos Segurados</t>
  </si>
  <si>
    <t xml:space="preserve">      Civil</t>
  </si>
  <si>
    <t xml:space="preserve">         Ativo</t>
  </si>
  <si>
    <t xml:space="preserve">         Inativo</t>
  </si>
  <si>
    <t xml:space="preserve">         Pensionista</t>
  </si>
  <si>
    <t xml:space="preserve">      Militar</t>
  </si>
  <si>
    <t xml:space="preserve">   Receita de Contribuições Patronais</t>
  </si>
  <si>
    <t xml:space="preserve">   Receita Patrimonial</t>
  </si>
  <si>
    <t xml:space="preserve">      Receitas Imobiliárias</t>
  </si>
  <si>
    <t xml:space="preserve">      Receitas de Valores Mobiliários</t>
  </si>
  <si>
    <t xml:space="preserve">   Receita de Serviços</t>
  </si>
  <si>
    <t xml:space="preserve">   Outras Receitas Correntes</t>
  </si>
  <si>
    <t xml:space="preserve">      Compensação Previdenciária do RGPS para o RPPS</t>
  </si>
  <si>
    <t>RECEITAS DE CAPITAL (X)</t>
  </si>
  <si>
    <t xml:space="preserve">   Alienação de Bens, Direitos e Ativos</t>
  </si>
  <si>
    <t xml:space="preserve">   Amortização de Empréstimos</t>
  </si>
  <si>
    <t xml:space="preserve">   Outras Receitas de Capital</t>
  </si>
  <si>
    <t>TOTAL DAS RECEITAS PREVIDENCIÁRIAS RPPS - (XI) = (IX + X)</t>
  </si>
  <si>
    <t>DESPESAS PREVIDENCIÁRIAS - RPPS</t>
  </si>
  <si>
    <t>ADMINISTRAÇÃO (XII)</t>
  </si>
  <si>
    <t>PREVIDÊNCIA (XIII)</t>
  </si>
  <si>
    <t>TOTAL DAS DESPESAS PREVIDENCIÁRIAS RPPS (XIV) = (XII + XIII)</t>
  </si>
  <si>
    <t>RESULTADO PREVIDENCIÁRIO (XV) = (XI – XIV)²</t>
  </si>
  <si>
    <t>RESULTADO PREVIDENCIÁRIO (XV) = (XI – XIV)2</t>
  </si>
  <si>
    <t>APORTES DE RECURSOS PARA O PLANO FINANCEIRO DO RPPS</t>
  </si>
  <si>
    <t>Recursos para Cobertura de Insuficiências Financeiras</t>
  </si>
  <si>
    <t>Recursos para Formação de Reserva</t>
  </si>
  <si>
    <t>Anexo 6 - Demonstrativo do Resultado Primário e Nominal</t>
  </si>
  <si>
    <t>LRF, Art. 53, inciso III</t>
  </si>
  <si>
    <t>RECEITAS PRIMÁRIAS</t>
  </si>
  <si>
    <t>Receitas Realizadas (a)</t>
  </si>
  <si>
    <t>Impostos, Taxas e Contribuições de Melhoria</t>
  </si>
  <si>
    <t xml:space="preserve">   ICMS</t>
  </si>
  <si>
    <t xml:space="preserve">   IPVA</t>
  </si>
  <si>
    <t xml:space="preserve">   ITCD</t>
  </si>
  <si>
    <t xml:space="preserve">   IRRF</t>
  </si>
  <si>
    <t xml:space="preserve">   Outros Impostos, Taxas e Contribuições de Melhoria</t>
  </si>
  <si>
    <t>Contribuições</t>
  </si>
  <si>
    <t xml:space="preserve">   Aplicações Financeiras (II)</t>
  </si>
  <si>
    <t>Transferências Correntes</t>
  </si>
  <si>
    <t xml:space="preserve">   Cota-Parte do FPE</t>
  </si>
  <si>
    <t xml:space="preserve">   Transferências da LC 87/1996</t>
  </si>
  <si>
    <t xml:space="preserve">   Transferências da LC 61/1989</t>
  </si>
  <si>
    <t xml:space="preserve">   Transferências do FUNDEB</t>
  </si>
  <si>
    <t xml:space="preserve">   Outras Transferências Correntes</t>
  </si>
  <si>
    <t>Demais Receitas Correntes</t>
  </si>
  <si>
    <t xml:space="preserve">   Outras Receitas Financeiras (III)</t>
  </si>
  <si>
    <t xml:space="preserve">   Receitas Correntes Restantes</t>
  </si>
  <si>
    <t>RECEITAS PRIMÁRIAS CORRENTES (IV) = (I - II - III)</t>
  </si>
  <si>
    <t>RECEITAS DE CAPITAL (V)</t>
  </si>
  <si>
    <t>Operações de Crédito (VI)</t>
  </si>
  <si>
    <t>Amortização de Empréstimos (VII)</t>
  </si>
  <si>
    <t>Alienação de Bens</t>
  </si>
  <si>
    <t xml:space="preserve">   Receitas de Alienação de Investimentos Temporários (VIII)</t>
  </si>
  <si>
    <t xml:space="preserve">   Receitas de Alienação de Investimentos Permanentes (IX)</t>
  </si>
  <si>
    <t xml:space="preserve">   Outras Alienações de Bens</t>
  </si>
  <si>
    <t>Transferências de Capital</t>
  </si>
  <si>
    <t xml:space="preserve">   Convênios</t>
  </si>
  <si>
    <t xml:space="preserve">   Outras Transferências de Capital</t>
  </si>
  <si>
    <t xml:space="preserve">   Outras Receitas de Capital Não Primárias (X)</t>
  </si>
  <si>
    <t xml:space="preserve">   Outras Receitas de Capital Primárias</t>
  </si>
  <si>
    <t>RECEITAS PRIMÁRIAS DE CAPITAL (XI) = (V - VI - VII - VIII - IX - X)</t>
  </si>
  <si>
    <t>RECEITA PRIMÁRIA TOTAL  (XII) = (IV + XI)</t>
  </si>
  <si>
    <t>DESPESAS PRIMÁRIAS</t>
  </si>
  <si>
    <t>Despesas Pagas (a)</t>
  </si>
  <si>
    <t>Restos a Pagar Processados Pagos (b)</t>
  </si>
  <si>
    <t>Restos a pagar não processados</t>
  </si>
  <si>
    <t>Liquidados</t>
  </si>
  <si>
    <t>Pagos (c)</t>
  </si>
  <si>
    <t>DESPESAS CORRENTES (XIII)</t>
  </si>
  <si>
    <t>Pessoal e Encargos Sociais</t>
  </si>
  <si>
    <t>Juros e Encargos da Dívida (XIV)</t>
  </si>
  <si>
    <t>Outras Despesas Correntes</t>
  </si>
  <si>
    <t xml:space="preserve">   Demais Despesas Correntes</t>
  </si>
  <si>
    <t>DESPESAS PRIMÁRIAS CORRENTES (XV) = (XIII - XIV)</t>
  </si>
  <si>
    <t>DESPESAS DE CAPITAL (XVI)</t>
  </si>
  <si>
    <t>Investimentos</t>
  </si>
  <si>
    <t>Inversões Financeiras</t>
  </si>
  <si>
    <t xml:space="preserve">   Concessão de Empréstimos e Financiamentos (XVII)</t>
  </si>
  <si>
    <t xml:space="preserve">   Aquisição de Título de Capital já Integralizado (XVIII)</t>
  </si>
  <si>
    <t xml:space="preserve">   Aquisição de Título de Crédito (XIX)</t>
  </si>
  <si>
    <t xml:space="preserve">   Demais Inversões Financeiras</t>
  </si>
  <si>
    <t>Amortização da Dívida (XX)</t>
  </si>
  <si>
    <t>DESPESAS PRIMÁRIAS DE CAPITAL (XXI) = (XVI - XVII - XVIII - XIX - XX)</t>
  </si>
  <si>
    <t>RESERVA DE CONTINGÊNCIA (XXII)</t>
  </si>
  <si>
    <t>DESPESA PRIMÁRIA TOTAL (XXIII) = (XV + XXI + XXII)</t>
  </si>
  <si>
    <t>RESULTADO PRIMÁRIO - ACIMA DA LINHA (XXIV) = [XIIA - (XXIIIA +XXIIIB + XXIIIC)]</t>
  </si>
  <si>
    <t>Valor</t>
  </si>
  <si>
    <t>RESULTADO PRIMÁRIO - Acima da Linha (XXIV) = [XIIa - (XXIIIa +XXIIIb + XXIIIc)]</t>
  </si>
  <si>
    <t>META FISCAL PARA O RESULTADO PRIMÁRIO</t>
  </si>
  <si>
    <t>Valor Corrente</t>
  </si>
  <si>
    <t>Meta fixada no Anexo de Metas Fiscais da LDO para o exercício de referência</t>
  </si>
  <si>
    <t>JUROS NOMINAIS</t>
  </si>
  <si>
    <t>VALOR INCORRIDO</t>
  </si>
  <si>
    <t>Juros, Encargos e Variações Monetárias Ativos (XXV)</t>
  </si>
  <si>
    <t>Juros, Encargos e Variações Monetárias Passivos (XXVI)</t>
  </si>
  <si>
    <t>RESULTADO NOMINAL - ACIMA DA LINHA (XXVII) = (- XXIV - XXV + XXVI)</t>
  </si>
  <si>
    <t>RESULTADO NOMINAL - Acima da Linha (XXVII) =  XXIV + (XXV - XXVI)</t>
  </si>
  <si>
    <t>META FISCAL PARA O RESULTADO NOMINAL</t>
  </si>
  <si>
    <t>CÁLCULO DO RESULTADO NOMINAL</t>
  </si>
  <si>
    <t>SALDO</t>
  </si>
  <si>
    <t>Em 31/12/2018 (a)</t>
  </si>
  <si>
    <t>DÍVIDA CONSOLIDADA (XXVIII)</t>
  </si>
  <si>
    <t>DEDUÇÕES (XXIX)</t>
  </si>
  <si>
    <t xml:space="preserve">   Disponibilidade de Caixa</t>
  </si>
  <si>
    <t xml:space="preserve">      Disponibilidade de Caixa Bruta</t>
  </si>
  <si>
    <t xml:space="preserve">      (-) Restos a Pagar Processados (XXX)</t>
  </si>
  <si>
    <t xml:space="preserve">   Demais Haveres Financeiros</t>
  </si>
  <si>
    <t>DÍVIDA CONSOLIDADA LÍQUIDA (XXXI) = (XXVIII - XXIX)</t>
  </si>
  <si>
    <t>DEMONSTRATIVO DA EXECUÇÃO DAS DESPESAS POR FUNÇÃO</t>
  </si>
  <si>
    <t>Até o Bimestre/ 2019</t>
  </si>
  <si>
    <t>RESULTADO NOMINAL - Abaixo da Linha (XXXII) = (XXXIa - XXXIb)</t>
  </si>
  <si>
    <t>AJUSTE METODOLÓGICO</t>
  </si>
  <si>
    <t>VARIAÇÃO SALDO RPP = (XXXIII) = (XXXa - XXXb)</t>
  </si>
  <si>
    <t>RECEITA DE ALIENAÇÃO DE INVESTIMENTOS PERMANENTES (IX)</t>
  </si>
  <si>
    <t>PASSIVOS RECONHECIDOS NA DC (XXXIV)</t>
  </si>
  <si>
    <t>VARIAÇÃO CAMBIAL (XXXV)</t>
  </si>
  <si>
    <t>PAGAMENTO DE PRECATÓRIOS INTEGRANTES DA DC (XXXVI)</t>
  </si>
  <si>
    <t>OUTROS AJUSTES (XXXVII)</t>
  </si>
  <si>
    <t>RESULTADO NOMINAL AJUSTADO - Abaixo da Linha (XXXVIII) = (XXXII - XXXIII - IX + XXXIV + XXXV - XXXVI + XXXVII)</t>
  </si>
  <si>
    <t>RESULTADO PRIMÁRIO - ABAIXO DA LINHA (XXXVII) =  XXXVI - (XXV - XXVI)</t>
  </si>
  <si>
    <t>RESULTADO PRIMÁRIO - Abaixo da Linha (XXXIX) =  XXXVIII - (XXV - XXVI)</t>
  </si>
  <si>
    <t>INFORMAÇÕES ADICIONAIS</t>
  </si>
  <si>
    <t>SALDO DE EXERCÍCIOS ANTERIORES</t>
  </si>
  <si>
    <t>Superávit Financeiro Utilizado para Abertura e Reabertura de Créditos Adicionais</t>
  </si>
  <si>
    <t>DESPESAS PRIMÁRIAS CORRENTES APURADAS CONFORME O ART. 4º DA LC 156/16                                                                                                     (INCLUÍDAS AS DESPESAS INTRA-ORÇAMENTÁRIAS)</t>
  </si>
  <si>
    <t>Até o Bimestre/2018</t>
  </si>
  <si>
    <t>Até o Bimestre/  2019</t>
  </si>
  <si>
    <t>INSCRITAS EM RESTOS A PAGAR NÃO PROCESSADOS</t>
  </si>
  <si>
    <t>DESPESAS CORRENTES (XL)</t>
  </si>
  <si>
    <t xml:space="preserve"> Juros e Encargos da Dívida (XLI)</t>
  </si>
  <si>
    <t>DESPESAS PRIMÁRIAS CORRENTES (XLII) = (XL - XLI)</t>
  </si>
  <si>
    <t>Transferências Constitucionais (XLIII)</t>
  </si>
  <si>
    <t>Contribuições para o PIS/PASEP (XLIV)</t>
  </si>
  <si>
    <t>DESPESAS PRIMÁRIAS CORRENTES APURADAS CONFORME O ART. 4º DA LC 156/16 (XLV) = (XLII - XLIII - XLIV)</t>
  </si>
  <si>
    <t>Anexo 7 - Demonstrativo dos Restos a Pagar por Poder e Órgão</t>
  </si>
  <si>
    <t>LRF, Art. 53, inciso V</t>
  </si>
  <si>
    <t>Poder / Órgão</t>
  </si>
  <si>
    <t>RP Processados e Não Processados Liquidados em Exercícios Anteriores</t>
  </si>
  <si>
    <t>Inscritos em Exercícios Anteriores (a)</t>
  </si>
  <si>
    <t>Inscritos Em 31 de Dezembro de 2018 (b)</t>
  </si>
  <si>
    <t>Cancelados (d)</t>
  </si>
  <si>
    <t>Saldo e=(a+b)-(c+d)</t>
  </si>
  <si>
    <t>RP Não Processado</t>
  </si>
  <si>
    <t>Inscritos em Exercícios Anteriores (f)</t>
  </si>
  <si>
    <t>Inscritos Em 31 de Dezembro de 2018 (g)</t>
  </si>
  <si>
    <t>Liquidados (h)</t>
  </si>
  <si>
    <t>Pagos (i)</t>
  </si>
  <si>
    <t>Cancelados (j)</t>
  </si>
  <si>
    <t>Saldo k = ( f + g ) - ( i + j )</t>
  </si>
  <si>
    <t>Saldo Total L = (e + k)</t>
  </si>
  <si>
    <t>RESTOS A PAGAR (EXCETO INTRA-ORÇAMENTÁRIOS)(I)</t>
  </si>
  <si>
    <t xml:space="preserve">   PODER EXECUTIVO</t>
  </si>
  <si>
    <t xml:space="preserve">   PODER LEGISLATIVO</t>
  </si>
  <si>
    <t xml:space="preserve">      Assembleia Legislativa</t>
  </si>
  <si>
    <t xml:space="preserve">      Tribunal de Contas do Estado</t>
  </si>
  <si>
    <t xml:space="preserve">      FUNTC</t>
  </si>
  <si>
    <t xml:space="preserve">   PODER JUDICIÁRIO</t>
  </si>
  <si>
    <t xml:space="preserve">      Tribunal de Justiça do Estado</t>
  </si>
  <si>
    <t xml:space="preserve">      FUNJECC</t>
  </si>
  <si>
    <t xml:space="preserve">   MINISTÉRIO PÚBLICO</t>
  </si>
  <si>
    <t xml:space="preserve">      Procuradoria Geral da Justiça</t>
  </si>
  <si>
    <t xml:space="preserve">      FEADMP/MS</t>
  </si>
  <si>
    <t xml:space="preserve">      FUNDROGAS/MS</t>
  </si>
  <si>
    <t xml:space="preserve">   DEFENSORIA PÚBLICA </t>
  </si>
  <si>
    <t>RESTOS A PAGAR (Intra-Orçamentários)(II)</t>
  </si>
  <si>
    <t xml:space="preserve">   EXECUTIVO</t>
  </si>
  <si>
    <t xml:space="preserve">   LEGISLATIVO</t>
  </si>
  <si>
    <t xml:space="preserve">   JUDICIÁRIO</t>
  </si>
  <si>
    <t>TOTAL(III) = (I+II)</t>
  </si>
  <si>
    <t>Anexo 8 - Demonstrativo das Receitas e Despesas com Manutenção e Desenvolvimento do Ensino - MDE</t>
  </si>
  <si>
    <t>Lei 9.394/96 Art. 72</t>
  </si>
  <si>
    <t>RESULTANTE DE IMPOSTOS (CAPUT DO ART. 212 DA CONSTITUIÇÃO)</t>
  </si>
  <si>
    <t>% (c) = (b / a) * 100</t>
  </si>
  <si>
    <t>1- RECEITA DE IMPOSTOS</t>
  </si>
  <si>
    <t xml:space="preserve">   1.1- Receita Resultante do Imposto sobre a Circulação de Mercadorias e Serviços de Transporte Interestadual e Intermunicipal e de Comunicação - ICMS</t>
  </si>
  <si>
    <t xml:space="preserve">      1.1.1- ICMS</t>
  </si>
  <si>
    <t xml:space="preserve">      1.1.2- Multas, Juros de Mora, Divida Ativa e Outros Encargos do ICMS</t>
  </si>
  <si>
    <t xml:space="preserve">      1.1.3- Adicional de até 2% do ICMS destinado ao Fundo de Combate à Pobreza (ADCT, art. 82, §1º)</t>
  </si>
  <si>
    <t xml:space="preserve">   1.2- Receita Resultante do Imposto de Transmissão Causa Mortis e Doação de Bens e Direitos – ITCD</t>
  </si>
  <si>
    <t xml:space="preserve">      1.2.1- ITCD</t>
  </si>
  <si>
    <t xml:space="preserve">      1.2.2- Multas, Juros de Mora, Dívida Ativa e Outros Encargos do ITCD</t>
  </si>
  <si>
    <t xml:space="preserve">   1.3- Receita Resultante do Imposto sobre a Propriedade de Veículos Automotores – IPVA</t>
  </si>
  <si>
    <t xml:space="preserve">      1.3.1- IPVA</t>
  </si>
  <si>
    <t xml:space="preserve">      1.3.2- Multas, Juros de Mora, Dívida Ativa e Outros Encargos do IPVA</t>
  </si>
  <si>
    <t xml:space="preserve">   1.4- Receita Resultante do Imposto sobre a Renda e Proventos de Qualquer Natureza Retido na Fonte – IRRF</t>
  </si>
  <si>
    <t>2- RECEITA DE TRANSFERÊNCIAS CONSTITUCIONAIS E LEGAIS</t>
  </si>
  <si>
    <t xml:space="preserve">   2.1- Cota-Parte FPE</t>
  </si>
  <si>
    <t xml:space="preserve">   2.2- ICMS-Desoneração - L.C. nº87/1996</t>
  </si>
  <si>
    <t xml:space="preserve">   2.3- Cota-Parte IPI-Exportação</t>
  </si>
  <si>
    <t xml:space="preserve">   2.4- Cota-Parte IOF-Ouro</t>
  </si>
  <si>
    <t>3- DEDUÇÕES DE TRANSFERÊNCIAS CONSTITUCIONAIS AOS MUNICÍPIOS</t>
  </si>
  <si>
    <t xml:space="preserve">   3.1- PARCELA DO ICMS REPASSADA AOS MUNICÍPIOS (25% de (1.1 - 1.1.3))</t>
  </si>
  <si>
    <t xml:space="preserve">   3.2- PARCELA DO IPVA REPASSADA AOS MUNICÍPIOS (50% de 1.3)</t>
  </si>
  <si>
    <t xml:space="preserve">   3.3- PARCELA DA COTA-PARTE DO IPI-EXPORTAÇÃO REPASSADA AOS MUNICÍPIOS (25% de 2.3)</t>
  </si>
  <si>
    <t>4- TOTAL DA RECEITA LÍQUIDA DE IMPOSTOS (1 + 2 - 3)</t>
  </si>
  <si>
    <t>RECEITAS ADICIONAIS PARA FINANCIAMENTO DO ENSINO</t>
  </si>
  <si>
    <t>5- RECEITA DA APLICAÇÃO FINANCEIRA DE OUTROS RECURSOS DE IMPOSTOS VINCULADOS AO ENSINO</t>
  </si>
  <si>
    <t>6- RECEITA DE TRANSFERÊNCIAS DO FNDE</t>
  </si>
  <si>
    <t xml:space="preserve">   6.1- Transferências do Salário-Educação</t>
  </si>
  <si>
    <t xml:space="preserve">   6.2- Transferências Diretas – PDDE</t>
  </si>
  <si>
    <t xml:space="preserve">   6.3- Transferências Diretas – PNAE</t>
  </si>
  <si>
    <t xml:space="preserve">   6.4 - Transferências Diretas – PNATE</t>
  </si>
  <si>
    <t xml:space="preserve">   6.5- Outras Transferências do FNDE</t>
  </si>
  <si>
    <t xml:space="preserve">   6.6- Aplicação Financeira dos Recursos do FNDE</t>
  </si>
  <si>
    <t>7- RECEITA DE TRANSFERÊNCIAS DE CONVÊNIOS</t>
  </si>
  <si>
    <t xml:space="preserve">   7.1- Transferências de Convênios</t>
  </si>
  <si>
    <t xml:space="preserve">   7.2- Aplicação Financeira dos Recursos de Convênios</t>
  </si>
  <si>
    <t>8 - RECEITA DE OPERAÇÕES DE CRÉDITO</t>
  </si>
  <si>
    <t>9 - OUTRAS RECEITAS PARA FINANCIAMENTO DO ENSINO</t>
  </si>
  <si>
    <t>10- TOTAL DAS RECEITAS ADICIONAIS PARA FINANCIAMENTO DO ENSINO (5+6+7+8+9)</t>
  </si>
  <si>
    <t>RECEITAS DO FUNDEB</t>
  </si>
  <si>
    <t>11- RECEITAS DESTINADAS AO FUNDEB</t>
  </si>
  <si>
    <t>11.1- Receita Resultante do ICMS Destinada ao FUNDEB – (20% de (1.1 – 3.1))</t>
  </si>
  <si>
    <t>11.2- Receita Resultante do ITCD Destinada ao FUNDEB – (20% de 1.2)</t>
  </si>
  <si>
    <t>11.3- Receita Resultante do IPVA Destinada ao FUNDEB – (20% de (1.3 – 3.2)</t>
  </si>
  <si>
    <t>11.4- Cota-Parte FPE Destinada ao FUNDEB – (20% de 2.1)</t>
  </si>
  <si>
    <t>11.5- ICMS-Desoneração Destinada ao FUNDEB – (20% de 2.2)</t>
  </si>
  <si>
    <t>11.6- Cota-Parte IPI Exportação Destinada ao FUNDEB – (20% de (2.3 – 3.3))</t>
  </si>
  <si>
    <t>12- RECEITAS RECEBIDAS DO FUNDEB</t>
  </si>
  <si>
    <t>12.1- Transferências de Recursos do FUNDEB</t>
  </si>
  <si>
    <t>12.2- Complementação da União ao FUNDEB</t>
  </si>
  <si>
    <t>12.3- Receita de Aplicação Financeira dos Recursos do FUNDEB</t>
  </si>
  <si>
    <t>13- RESULTADO LÍQUIDO DAS TRANSFERÊNCIAS DO FUNDEB (12.1 – 11)</t>
  </si>
  <si>
    <t>RESULTADO LÍQUIDO DA TRANSFERÊNCIA DO FUNDEB</t>
  </si>
  <si>
    <t>[SE RESULTADO LÍQUIDO DA TRANSFERÊNCIA (13) &gt; 0] = ACRÉSCIMO RESULTANTE DAS TRANSFERÊNCIAS DO FUNDEB</t>
  </si>
  <si>
    <t>[SE RESULTADO LÍQUIDO DA TRANSFERÊNCIA (13) &lt; 0] = DECRÉSCIMO RESULTANTE DAS TRANSFERÊNCIAS DO FUNDEB</t>
  </si>
  <si>
    <t>DESPESAS DO FUNDEB</t>
  </si>
  <si>
    <t>Dotação Atualizada (d)</t>
  </si>
  <si>
    <t>Até o Bimestre (e)</t>
  </si>
  <si>
    <t>% (f) = (e / d) * 100</t>
  </si>
  <si>
    <t>Até o Bimestre (g)</t>
  </si>
  <si>
    <t>% (h) = (g / d) * 100</t>
  </si>
  <si>
    <t>Inscritas em Restos a Pagar Não Processados (i)</t>
  </si>
  <si>
    <t>14- PAGAMENTO DOS PROFISSIONAIS DO MAGISTÉRIO</t>
  </si>
  <si>
    <t xml:space="preserve">   14.1- Com Ensino Fundamental</t>
  </si>
  <si>
    <t xml:space="preserve">   14.2- Com Ensino Médio</t>
  </si>
  <si>
    <t>15- OUTRAS DESPESAS</t>
  </si>
  <si>
    <t xml:space="preserve">   15.1- Com Ensino Fundamental</t>
  </si>
  <si>
    <t xml:space="preserve">   15.2- Com Ensino Médio</t>
  </si>
  <si>
    <t>16- TOTAL DAS DESPESAS DO FUNDEB (14 + 15)</t>
  </si>
  <si>
    <t>DEDUÇÕES PARA FINS DE LIMITE DO FUNDEB</t>
  </si>
  <si>
    <t>17- RESTOS A PAGAR INSCRITOS NO EXERCÍCIO SEM DISPONIBILIDADE FINANCEIRA DE RECURSOS DO FUNDEB</t>
  </si>
  <si>
    <t xml:space="preserve">   17.1 – FUNDEB 60%</t>
  </si>
  <si>
    <t xml:space="preserve">   17.2 – FUNDEB 40%</t>
  </si>
  <si>
    <t>18- DESPESAS CUSTEADAS COM O SUPERÁVIT FINANCEIRO, DO EXERCÍCIO ANTERIOR, DO FUNDEB</t>
  </si>
  <si>
    <t xml:space="preserve">   18.1 – FUNDEB 60%</t>
  </si>
  <si>
    <t xml:space="preserve">   18.2 – FUNDEB 40%</t>
  </si>
  <si>
    <t>19- TOTAL DAS DEDUÇÕES CONSIDERADAS PARA FINS DE LIMITE DO FUNDEB (17 + 18)</t>
  </si>
  <si>
    <t>INDICADORES DO FUNDEB</t>
  </si>
  <si>
    <t>20- TOTAL DAS DESPESAS DO FUNDEB PARA FINS DE LIMITE (16 - 19)</t>
  </si>
  <si>
    <t>20.1 - Mínimo de 60% do FUNDEB na Remuneração do Magistério  ***1  (14 - (17.1 + 18.1)) / (12) x 100) %</t>
  </si>
  <si>
    <t>20.2 - Máximo de 40% em Despesa com MDE, que não Remuneração do Magistério (15 - (17.2 + 18.2)) / (12) x 100) %</t>
  </si>
  <si>
    <t>20.3 - Máximo de 5% não Aplicado no Exercício (100 - (20.1 + 20.2)) %</t>
  </si>
  <si>
    <t>CONTROLE DA UTILIZAÇÃO DE RECURSOS NO EXERCÍCIO SUBSEQUENTE</t>
  </si>
  <si>
    <t>21- RECURSOS RECEBIDOS DO FUNDEB EM 2018 QUE NÃO FORAM UTILIZADOS</t>
  </si>
  <si>
    <t>22 – DESPESAS CUSTEADAS COM O SALDO DO ITEM 21 ATÉ O 1º TRIMESTRE DE 2019 ***2</t>
  </si>
  <si>
    <t>DESPESAS COM AÇÕES TÍPICAS DE MANUTENÇÃO E DESENVOLVIMENTO DO ENSINO</t>
  </si>
  <si>
    <t xml:space="preserve">Até o Bimestre (g) </t>
  </si>
  <si>
    <t>23- EDUCAÇÃO INFANTIL</t>
  </si>
  <si>
    <t xml:space="preserve">   23.1 - Creche</t>
  </si>
  <si>
    <t xml:space="preserve">   23.2 - Pré-escola</t>
  </si>
  <si>
    <t>24- ENSINO FUNDAMENTAL</t>
  </si>
  <si>
    <t xml:space="preserve">   24.1- Despesas Custeadas com Recursos do FUNDEB</t>
  </si>
  <si>
    <t xml:space="preserve">   24.2- Despesas Custeadas com Outros Recursos de Impostos</t>
  </si>
  <si>
    <t>25- ENSINO MÉDIO</t>
  </si>
  <si>
    <t xml:space="preserve">   25.1- Despesas Custeadas com Recursos do FUNDEB</t>
  </si>
  <si>
    <t xml:space="preserve">   25.2- Despesas Custeadas com Outros Recursos de Impostos</t>
  </si>
  <si>
    <t>26- ENSINO SUPERIOR</t>
  </si>
  <si>
    <t>27- ENSINO PROFISSIONAL NÃO INTEGRADO AO ENSINO REGULAR</t>
  </si>
  <si>
    <t>28- OUTRAS</t>
  </si>
  <si>
    <t>29- TOTAL DAS DESPESAS COM AÇÕES TÍPICAS DE MDE (23 + 24 + 25 + 26 + 27 + 28)</t>
  </si>
  <si>
    <t>DEDUÇÕES CONSIDERADAS PARA FINS DE LIMITE CONSTITUCIONAL DE APLICAÇÃO MÍNIMA EM MDE</t>
  </si>
  <si>
    <t>30- RESULTADO LÍQUIDO DAS TRANSFERÊNCIAS DO FUNDEB = (13)</t>
  </si>
  <si>
    <t>31- DESPESAS CUSTEADAS COM A COMPLEMENTAÇÃO DO FUNDEB NO EXERCÍCIO</t>
  </si>
  <si>
    <t>32- DESPESAS CUSTEADAS COM O SUPERÁVIT FINANCEIRO, DO EXERCÍCIO ANTERIOR, DO FUNDEB</t>
  </si>
  <si>
    <t>33- DESPESAS CUSTEADAS COM O SUPERÁVIT FINANCEIRO, DO EXERCÍCIO ANTERIOR, DE OUTROS RECURSOS DE IMPOSTOS</t>
  </si>
  <si>
    <t>34- RESTOS A PAGAR INSCRITOS NO EXERCÍCIO SEM DISPONIBILIDADE FINANCEIRA DE RECURSOS DE IMPOSTOS VINCULADOS AO ENSINO³</t>
  </si>
  <si>
    <t>35- CANCELAMENTO, NO EXERCÍCIO, DE RESTOS A PAGAR INSCRITOS COM DISPONIBILIDADE FINANCEIRA DE RECURSOS DE IMPOSTOS VINCULADOS AO ENSINO = (45j)</t>
  </si>
  <si>
    <t>36- TOTAL DAS DEDUÇÕES CONSIDERADAS PARA FINS DO LIMITE CONSTITUCIONAL (30 + 31 + 32 + 33 + 34 + 35)</t>
  </si>
  <si>
    <t>37- TOTAL DAS DESPESAS PARA FINS DE LIMITE (29 – 36)</t>
  </si>
  <si>
    <t>38- PERCENTUAL DE APLICAÇÃO EM MDE SOBRE A RECEITA LÍQUIDA DE IMPOSTOS (37 / 4 x 100) % - LIMITE CONSTITUCIONAL 25% *4 e *5</t>
  </si>
  <si>
    <t xml:space="preserve">OUTRAS DESPESAS CUSTEADAS COM RECEITAS ADICIONAIS PARA FINANCIAMENTO DO ENSINO </t>
  </si>
  <si>
    <t>39- DESPESAS CUSTEADAS COM A APLICAÇÃO FINANCEIRA DE OUTROS RECURSOS DE IMPOSTOS VINCULADOS AO ENSINO</t>
  </si>
  <si>
    <t>40- DESPESAS CUSTEADAS COM A CONTRIBUIÇÃO SOCIAL DO SALÁRIO-EDUCAÇÃO</t>
  </si>
  <si>
    <t>41- DESPESAS CUSTEADAS COM OPERAÇÕES DE CRÉDITO</t>
  </si>
  <si>
    <t>42- DESPESAS CUSTEADAS COM OUTRAS RECEITAS PARA FINANCIAMENTO DO ENSINO</t>
  </si>
  <si>
    <t>43- TOTAL DAS DESPESAS CUSTEADAS COM RECEITAS ADICIONAIS PARA FINANCIAMENTO DO ENSINO (39 + 40 + 41 + 42)</t>
  </si>
  <si>
    <t>44- TOTAL GERAL DAS DESPESAS COM EDUCAÇÃO (29+43)</t>
  </si>
  <si>
    <t>RESTOS A PAGAR INSCRITOS COM DISPONIBILIDADE FINANCEIRA_x000D_
DE RECURSOS DE IMPOSTOS VINCULADOS AO ENSINO</t>
  </si>
  <si>
    <t>Saldo Até o Bimestre</t>
  </si>
  <si>
    <t>Cancelado em 2019 (j)</t>
  </si>
  <si>
    <t>45- RESTOS A PAGAR DE DESPESAS COM MDE</t>
  </si>
  <si>
    <t xml:space="preserve">   45.1 - Executadas com Recursos de Impostos Vinculados ao Ensino</t>
  </si>
  <si>
    <t xml:space="preserve">   45.2 - Executadas com Recursos do FUNDEB</t>
  </si>
  <si>
    <t>CONTROLE DA DISPONIBILIDADE FINANCEIRA</t>
  </si>
  <si>
    <t>FUNDEB</t>
  </si>
  <si>
    <t>SALÁRIO EDUCAÇÃO</t>
  </si>
  <si>
    <t xml:space="preserve">   46- DISPONIBILIDADE FINANCEIRA EM 31 DE DEZEMBRO DE 2018</t>
  </si>
  <si>
    <t xml:space="preserve">   47- (+) INGRESSO DE RECURSOS ATÉ O BIMESTRE (Orçamentário)</t>
  </si>
  <si>
    <t xml:space="preserve">   48- (-) PAGAMENTOS EFETUADOS ATÉ O BIMESTRE</t>
  </si>
  <si>
    <t xml:space="preserve">      48.1 (-) Orçamento do Exercício</t>
  </si>
  <si>
    <t xml:space="preserve">      48.2 (-) Restos a Pagar</t>
  </si>
  <si>
    <t xml:space="preserve">   49-(+) RECEITA DE APLICAÇÃO FINANCEIRA DOS RECURSOS ATÉ O BIMESTRE</t>
  </si>
  <si>
    <t>50- (=) DISPONIBILIDADE FINANCEIRA ATÉ O BIMESTRE</t>
  </si>
  <si>
    <t>51- (+) AJUSTES</t>
  </si>
  <si>
    <t xml:space="preserve">   51.1 (+) Retenções</t>
  </si>
  <si>
    <t xml:space="preserve">   51.2 (-) Valores a recuperar</t>
  </si>
  <si>
    <t xml:space="preserve">   51.3 (+) Outros valores extraorçamentários</t>
  </si>
  <si>
    <t xml:space="preserve">   51.4 (+) Conciliação Bancária</t>
  </si>
  <si>
    <t>52- (=) SALDO FINANCEIRO CONCILIADO</t>
  </si>
  <si>
    <t>Anexo 09 - Operações de Crédito</t>
  </si>
  <si>
    <t>LRF, Art. 53, § 1º, inciso I</t>
  </si>
  <si>
    <t>Receitas Realizadas (b)</t>
  </si>
  <si>
    <t>Saldo Não Realizado c = (a - b)</t>
  </si>
  <si>
    <t>RECEITAS DE OPERAÇÕES DE CRÉDITO¹ (I)</t>
  </si>
  <si>
    <t>Despesas Empenhadas (e)</t>
  </si>
  <si>
    <t>Saldo Não Executado f = (d - e)</t>
  </si>
  <si>
    <t xml:space="preserve">   Investimentos</t>
  </si>
  <si>
    <t xml:space="preserve">   Inversões Financeiras</t>
  </si>
  <si>
    <t xml:space="preserve">   Amortização da Dívida</t>
  </si>
  <si>
    <t>(-) Incentivos Fiscais a Contribuinte</t>
  </si>
  <si>
    <t>(-) Incentivos Fiscais a Contribuinte por Instituições Financeiras</t>
  </si>
  <si>
    <t>DESPESA DE CAPITAL LÍQUIDA (II)</t>
  </si>
  <si>
    <t>DESCRIÇÃO</t>
  </si>
  <si>
    <t>(a-d)</t>
  </si>
  <si>
    <t>(b-e)</t>
  </si>
  <si>
    <t>(c-f)</t>
  </si>
  <si>
    <t>RESULTADO PARA APURAÇÃO DA REGRA DE OURO (III) = (I - II)</t>
  </si>
  <si>
    <t>Anexo 10 - Demonstrativo da Projeção Atuarial do regime Próprio de Previdência Social dos Servidores Públicos - Plano Previdênciário</t>
  </si>
  <si>
    <t>LRF, Art. 53, § 1º, inciso II</t>
  </si>
  <si>
    <t>EXERCÍCIO</t>
  </si>
  <si>
    <t>Receitas Previdenciárias (a)</t>
  </si>
  <si>
    <t>Despesas Previdenciárias (b)</t>
  </si>
  <si>
    <t>Resultado Previdenciário (c)=(a-b)</t>
  </si>
  <si>
    <t>Saldo Financeiro do Exercício (d)=("d" exerc. anterior)+(c)</t>
  </si>
  <si>
    <t>2020</t>
  </si>
  <si>
    <t>2021</t>
  </si>
  <si>
    <t>2022</t>
  </si>
  <si>
    <t>2023</t>
  </si>
  <si>
    <t>2024</t>
  </si>
  <si>
    <t>2025</t>
  </si>
  <si>
    <t>2026</t>
  </si>
  <si>
    <t>2027</t>
  </si>
  <si>
    <t>2028</t>
  </si>
  <si>
    <t>2029</t>
  </si>
  <si>
    <t>2030</t>
  </si>
  <si>
    <t>2031</t>
  </si>
  <si>
    <t>2032</t>
  </si>
  <si>
    <t>2033</t>
  </si>
  <si>
    <t>2034</t>
  </si>
  <si>
    <t>2035</t>
  </si>
  <si>
    <t>2036</t>
  </si>
  <si>
    <t>2037</t>
  </si>
  <si>
    <t>2038</t>
  </si>
  <si>
    <t>2039</t>
  </si>
  <si>
    <t>2040</t>
  </si>
  <si>
    <t>2041</t>
  </si>
  <si>
    <t>2042</t>
  </si>
  <si>
    <t>2043</t>
  </si>
  <si>
    <t>2044</t>
  </si>
  <si>
    <t>2045</t>
  </si>
  <si>
    <t>2046</t>
  </si>
  <si>
    <t>2047</t>
  </si>
  <si>
    <t>2048</t>
  </si>
  <si>
    <t>2049</t>
  </si>
  <si>
    <t>2050</t>
  </si>
  <si>
    <t>2051</t>
  </si>
  <si>
    <t>2052</t>
  </si>
  <si>
    <t>2053</t>
  </si>
  <si>
    <t>2054</t>
  </si>
  <si>
    <t>2055</t>
  </si>
  <si>
    <t>2056</t>
  </si>
  <si>
    <t>2057</t>
  </si>
  <si>
    <t>2058</t>
  </si>
  <si>
    <t>2059</t>
  </si>
  <si>
    <t>2060</t>
  </si>
  <si>
    <t>2061</t>
  </si>
  <si>
    <t>2062</t>
  </si>
  <si>
    <t>2063</t>
  </si>
  <si>
    <t>2064</t>
  </si>
  <si>
    <t>2065</t>
  </si>
  <si>
    <t>2066</t>
  </si>
  <si>
    <t>2067</t>
  </si>
  <si>
    <t>2068</t>
  </si>
  <si>
    <t>2069</t>
  </si>
  <si>
    <t>2070</t>
  </si>
  <si>
    <t>2071</t>
  </si>
  <si>
    <t>2072</t>
  </si>
  <si>
    <t>2073</t>
  </si>
  <si>
    <t>2074</t>
  </si>
  <si>
    <t>2075</t>
  </si>
  <si>
    <t>2076</t>
  </si>
  <si>
    <t>2077</t>
  </si>
  <si>
    <t>2078</t>
  </si>
  <si>
    <t>2079</t>
  </si>
  <si>
    <t>2080</t>
  </si>
  <si>
    <t>2081</t>
  </si>
  <si>
    <t>2082</t>
  </si>
  <si>
    <t>2083</t>
  </si>
  <si>
    <t>2084</t>
  </si>
  <si>
    <t>2085</t>
  </si>
  <si>
    <t>2086</t>
  </si>
  <si>
    <t>2087</t>
  </si>
  <si>
    <t>2088</t>
  </si>
  <si>
    <t>2089</t>
  </si>
  <si>
    <t>2090</t>
  </si>
  <si>
    <t>2091</t>
  </si>
  <si>
    <t>2092</t>
  </si>
  <si>
    <t>2093</t>
  </si>
  <si>
    <t>2094</t>
  </si>
  <si>
    <t>Anexo 11 - Demonstrativo das Receitas de Alienação de Ativos e Aplicacão de Recursos</t>
  </si>
  <si>
    <t>Saldo a Realizar (c)=(a-b)</t>
  </si>
  <si>
    <t>RECEITAS DE ALIENAÇÃO DE ATIVOS (I)</t>
  </si>
  <si>
    <t>Receita de Alienação de Bens Móveis</t>
  </si>
  <si>
    <t>Receita de Alienação de Bens Imóveis</t>
  </si>
  <si>
    <t>Receita de Alienação de Bens Intangíveis</t>
  </si>
  <si>
    <t>Receita de Rendimentos de Aplicações Financeiras</t>
  </si>
  <si>
    <t>Despesas Pagas (f)</t>
  </si>
  <si>
    <t>Despesas Inscritas Em Restos a Pagar Não Processados</t>
  </si>
  <si>
    <t>Pagamento de Restos a Pagar (g)</t>
  </si>
  <si>
    <t>Saldo a Pagar (h) = (d-e)</t>
  </si>
  <si>
    <t>APLICAÇÃO DOS RECURSOS DA ALIENAÇÃO DE ATIVOS (II)</t>
  </si>
  <si>
    <t>Despesas de Capital</t>
  </si>
  <si>
    <t>Despesas Correntes dos Regimes de Previdência</t>
  </si>
  <si>
    <t xml:space="preserve">   Regime Próprio de Previdência dos Servidores</t>
  </si>
  <si>
    <t>SALDO FINANCEIRO A APLICAR</t>
  </si>
  <si>
    <t>Exercício Anterior (i)</t>
  </si>
  <si>
    <t>Do Exercício (j) = (Ib) - (IIf+IIg)</t>
  </si>
  <si>
    <t>Saldo Atual (k) = (IIIi+IIIj)</t>
  </si>
  <si>
    <t>VALOR (III)</t>
  </si>
  <si>
    <t>Anexo 12 - Demonstrativo Das Receitas E Despesas Com Ações E Serviços Públicos De Saúde</t>
  </si>
  <si>
    <t>RREO – ANEXO 12 (LC 141/2012, art. 35)</t>
  </si>
  <si>
    <t xml:space="preserve">RECEITAS PARA APURAÇÃO DA APLICAÇÃO EM AÇÕES E SERVIÇOS PÚBLICOS DE SAÚDE </t>
  </si>
  <si>
    <t>% (b/a) x 100</t>
  </si>
  <si>
    <t xml:space="preserve">RECEITA DE IMPOSTOS LÍQUIDA (I) </t>
  </si>
  <si>
    <t xml:space="preserve">   Impostos s/ Transmissão "causa mortis" e Doação - ITCD</t>
  </si>
  <si>
    <t xml:space="preserve">   Imposto s/ Circulação de Mercad. e Serv. de Transp.e Interestadual e Intermunicipal e de Comunicação - ICMS </t>
  </si>
  <si>
    <t xml:space="preserve">   Imposto s/ Propriedade de Veículos Automotores - IPVA</t>
  </si>
  <si>
    <t xml:space="preserve">   Imposto de Renda Retido na Fonte - IRRF  </t>
  </si>
  <si>
    <t xml:space="preserve">   Multas, Juros de Mora e Outros Encargos dos Impostos</t>
  </si>
  <si>
    <t xml:space="preserve">   Divida Ativa dos Impostos</t>
  </si>
  <si>
    <t xml:space="preserve">   Multas, Juros de Mora e Outros Encargos da Dívida Ativa  </t>
  </si>
  <si>
    <t xml:space="preserve">RECEITA DE TRANSFERÊNCIAS CONSTITUCIONAIS E LEGAIS (II) </t>
  </si>
  <si>
    <t xml:space="preserve">   Cota-Parte IPI-Exportação </t>
  </si>
  <si>
    <t xml:space="preserve">   Compensações Financeiras Provenientes de Impostos e Transf. Constitucionais </t>
  </si>
  <si>
    <t xml:space="preserve">      Desoneração ICMS (LC 87/96) </t>
  </si>
  <si>
    <t xml:space="preserve">      Outras  </t>
  </si>
  <si>
    <t>DEDUÇÕES DE TRANSFERÊNCIAS CONSTITUCIONAIS AOS MUNICÍPIOS (III)</t>
  </si>
  <si>
    <t xml:space="preserve">   Parcela do ICMS Repassada aos Municípios</t>
  </si>
  <si>
    <t xml:space="preserve">   Parcela do IPVA Repassada aos Municípios</t>
  </si>
  <si>
    <t xml:space="preserve">   Parcela da Cota-Parte do IPI-Exportação Repassada aos Municípios</t>
  </si>
  <si>
    <t xml:space="preserve">TOTAL DAS RECEITAS PARA APURAÇÃO DA APLICAÇÃO EM AÇÕES E SERVIÇOS PÚBLICOS DE SAÚDE (IV) = I + II - III  </t>
  </si>
  <si>
    <t xml:space="preserve">RECEITAS ADICIONAIS PARA FINANCIAMENTO DA SAÚDE </t>
  </si>
  <si>
    <t>Previsão Atualizada (c)</t>
  </si>
  <si>
    <t>% (d/c) x 100</t>
  </si>
  <si>
    <t>TRANSFERÊNCIA DE RECURSOS DO SISTEMA ÚNICO DE SAÚDE-SUS</t>
  </si>
  <si>
    <t xml:space="preserve">   Provenientes da União</t>
  </si>
  <si>
    <t xml:space="preserve">   Provenientes de Outros Estados</t>
  </si>
  <si>
    <t xml:space="preserve">   Provenientes de Municípios</t>
  </si>
  <si>
    <t xml:space="preserve">   Outras Receitas do SUS</t>
  </si>
  <si>
    <t>TRANSFERÊNCIAS VOLUNTÁRIAS</t>
  </si>
  <si>
    <t>RECEITAS DE OPERAÇÕES DE CRÉDITO VINCULADAS À SAÚDE</t>
  </si>
  <si>
    <t>OUTRAS RECEITAS PARA FINANCIAMENTO DA SAÚDE</t>
  </si>
  <si>
    <t>TOTAL RECEITAS ADICIONAIS PARA FINANCIAMENTO DA SAÚDE</t>
  </si>
  <si>
    <t xml:space="preserve">DESPESAS COM SAÚDE (POR GRUPO DE NATUREZA DA DESPESA) </t>
  </si>
  <si>
    <t xml:space="preserve"> %  (f / e) x 100  </t>
  </si>
  <si>
    <t>%  (g / e) x 100</t>
  </si>
  <si>
    <t>Inscritas em R.P. não Processados</t>
  </si>
  <si>
    <t xml:space="preserve">   Pessoal e Encargos Sociais</t>
  </si>
  <si>
    <t xml:space="preserve">   Juros e Encargos da Dívida</t>
  </si>
  <si>
    <t xml:space="preserve">   Outras Despesas Correntes</t>
  </si>
  <si>
    <t>TOTAL DAS DESPESAS COM SAÚDE (V)</t>
  </si>
  <si>
    <t xml:space="preserve">DESPESAS COM SAÚDE NÃO COMPUTADAS PARA FINS DE APURAÇÃO DO PERCENTUAL MÍNIMO </t>
  </si>
  <si>
    <t>% (h / Vf) x 100</t>
  </si>
  <si>
    <t>Até o Bimestre (i)</t>
  </si>
  <si>
    <t>% (i / Vg) x 100</t>
  </si>
  <si>
    <t>DESPESAS COM INATIVOS E PENSIONISTAS</t>
  </si>
  <si>
    <t>DESPESA COM ASSISTÊNCIA À SAÚDE QUE NÃO ATENDE AO PRINCÍPIO DE ACESSO UNIVERSAL</t>
  </si>
  <si>
    <t>DESPESAS CUSTEADAS COM OUTROS RECURSOS</t>
  </si>
  <si>
    <t xml:space="preserve">   Recursos de Transferência do Sistema Único de Saúde - SUS</t>
  </si>
  <si>
    <t xml:space="preserve">   Recursos de Operações de Crédito</t>
  </si>
  <si>
    <t xml:space="preserve">   Outros Recursos</t>
  </si>
  <si>
    <t>OUTRAS AÇÕES E SERVIÇOS NÃO COMPUTADOS</t>
  </si>
  <si>
    <t>RESTOS A PAGAR NÃO PROCESSADOS INSCRITOS INDEVIDAMENTE NO EXERCÍCIO SEM DISPONIBILIDADE FINANCEIRA ***1</t>
  </si>
  <si>
    <t>DESPESAS CUSTEADAS COM DISPONIBILIDADE DE CAIXA VINCULADA A RESTOS A PAGAR CANCELADOS ***2</t>
  </si>
  <si>
    <t>DESPESAS CUSTEADAS COM RECURSOS VINCULADOS À PARCELA DO PERCENTUAL MINIMO QUE NÃO FOI APLICADA EM AÇÕES E SERVIÇOS DE SAÚDE EM EXERCÍCIOS ANTERIORES ***3</t>
  </si>
  <si>
    <t>TOTAL DAS DESPESAS COM SAÚDE NÃO COMPUTADAS (VI)</t>
  </si>
  <si>
    <t>UTILIZA DO ANTERIOR</t>
  </si>
  <si>
    <t xml:space="preserve">% (h / IVf) x 100  </t>
  </si>
  <si>
    <t>% (i / IVg) x 100</t>
  </si>
  <si>
    <t>TOTAL DAS DESPESAS COM AÇÕES E SERVIÇOS PÚBLICOS DE SAÚDE (VII) = (V - VI)</t>
  </si>
  <si>
    <t>% DE APLICAÇÃO NA SAÚDE</t>
  </si>
  <si>
    <t>PERCENTUAL DE APLICAÇÃO EM AÇÕES E SERVIÇOS PÚBLICOS DE SAÚDE SOBRE A RECEITA  DE IMPOSTOS LÍQUIDA E TRANSFERÊNCIAS CONSTITUCIONAIS E LEGAIS (VIII%) = (VII(h ou i) / IVb x 100)***6 - LIMITE CONSTITUCIONAL 12% ***4 e ***5</t>
  </si>
  <si>
    <t>VALOR REFERENTE À DIFERENÇA ENTRE O VALOR EXECUTADO E O LIMITE MÍNIMO CONSTITUCIONAL</t>
  </si>
  <si>
    <t>VALOR REFERENTE À DIFERENÇA ENTRE O VALOR EXECUTADO E O LIMITE MÍNIMO CONSTITUCIONAL  [VII(h ou i) - (12 x IVb)/100]***6</t>
  </si>
  <si>
    <t>EXECUÇÃO DE RESTOS A PAGAR INSCRITOS COM DISPONIBILIDADE DE CAIXA</t>
  </si>
  <si>
    <t>INSCRITOS</t>
  </si>
  <si>
    <t>CANCELADOS / PRESCRITOS</t>
  </si>
  <si>
    <t>PAGOS</t>
  </si>
  <si>
    <t>A PAGAR</t>
  </si>
  <si>
    <t>PARCELA CONSIDERADA NO LIMITE</t>
  </si>
  <si>
    <t>Inscritos em 2019</t>
  </si>
  <si>
    <t>Inscritos em 2018</t>
  </si>
  <si>
    <t>Inscritos em 2017</t>
  </si>
  <si>
    <t>Inscritos em 2016</t>
  </si>
  <si>
    <t>Inscritos em 2015</t>
  </si>
  <si>
    <t>Inscritos em Exercícios Anteriores a Referência 2015</t>
  </si>
  <si>
    <t>TOTAL</t>
  </si>
  <si>
    <t>CONTROLE DOS RESTOS A PAGAR  CANCELADOS OU PRESCRITOS PARA FINS DE APLICAÇÃO DA DISPONIBILIDADE DE CAIXA  CONFORME ARTIGO 24, § 1º E 2º</t>
  </si>
  <si>
    <t>RESTOS A PAGAR CANCELADOS OU PRESCRITOS</t>
  </si>
  <si>
    <t>Saldo Inicial</t>
  </si>
  <si>
    <t xml:space="preserve">Desp. custeadas no exerc. de referência (j)  </t>
  </si>
  <si>
    <t xml:space="preserve">Saldo Final  (Não Aplicado)  </t>
  </si>
  <si>
    <t xml:space="preserve">Restos a Pagar Cancelados ou Prescritos em 2019 </t>
  </si>
  <si>
    <t xml:space="preserve">Restos a Pagar Cancelados ou Prescritos em 2018 </t>
  </si>
  <si>
    <t xml:space="preserve">Restos a Pagar Cancelados ou Prescritos em 2017 </t>
  </si>
  <si>
    <t xml:space="preserve">Restos a Pagar Cancelados ou Prescritos em 2016 </t>
  </si>
  <si>
    <t xml:space="preserve">Restos a Pagar Cancelados ou Prescritos em 2015 </t>
  </si>
  <si>
    <t>Total (IX)</t>
  </si>
  <si>
    <t>CONTROLE DO VALOR REFERENTE AO PERCENTUAL MÍNIMO NÃO CUMPRIDO EM EXERCÍCIOS ANTERIORES PARA FINS DE APLICAÇÃO DOS RECURSOS VINCULADOS CONFORME ARTIGOS 25 E 26</t>
  </si>
  <si>
    <t>LIMITE NÃO CUMPRIDO</t>
  </si>
  <si>
    <t>Desp. custeadas no exerc. de referência (k)</t>
  </si>
  <si>
    <t>Diferença de limite não cumprido em 2018</t>
  </si>
  <si>
    <t>Diferença de limite não cumprido em 2017</t>
  </si>
  <si>
    <t>Diferença de limite não cumprido em 2016</t>
  </si>
  <si>
    <t>Diferença de limite não cumprido em 2015</t>
  </si>
  <si>
    <t>Diferença de limite não cumprido em 2014</t>
  </si>
  <si>
    <t>Diferença de limite não cumprido em Exercícios Anteriores a Referência 2014</t>
  </si>
  <si>
    <t>Total (X)</t>
  </si>
  <si>
    <t xml:space="preserve">DESPESAS COM SAÚDE (POR SUBFUNÇÃO) _x000D_
</t>
  </si>
  <si>
    <t xml:space="preserve">Até o Bimestre (I) </t>
  </si>
  <si>
    <t>%  (l / Total I) x 100</t>
  </si>
  <si>
    <t xml:space="preserve">Até o Bimestre (m) </t>
  </si>
  <si>
    <t>%  (m/Total m) x 100</t>
  </si>
  <si>
    <t>Atenção Básica</t>
  </si>
  <si>
    <t>Assistência Hospitalar e Ambulatorial</t>
  </si>
  <si>
    <t>Suporte Profilático e Terapêutico</t>
  </si>
  <si>
    <t>Vigilância Sanitária</t>
  </si>
  <si>
    <t>Vigilância Epidemiológica</t>
  </si>
  <si>
    <t>Alimentação e Nutrição</t>
  </si>
  <si>
    <t>Outras Subfunções</t>
  </si>
  <si>
    <t>Anexo 13 - Demonstrativo das Parcerias Público-Privadas</t>
  </si>
  <si>
    <t>Lei nº 11.079, de 30.12.2004, arts. 22, 25 e 28</t>
  </si>
  <si>
    <t>IMPACTOS DAS CONTRATAÇÕES DE PPP</t>
  </si>
  <si>
    <t>SALDO TOTAL EM 31 DE DEZEMBRO DO EXERCÍCIO ANTERIOR</t>
  </si>
  <si>
    <t>REGISTROS EFETUADOS EM 2019</t>
  </si>
  <si>
    <t>Até o Bimestre</t>
  </si>
  <si>
    <t>TOTAL DE ATIVOS</t>
  </si>
  <si>
    <t>Ativos Constituídos pela SPE</t>
  </si>
  <si>
    <t xml:space="preserve">TOTAL DE PASSIVOS </t>
  </si>
  <si>
    <t>Obrigações decorrentes de Ativos Constituídos pela SPE</t>
  </si>
  <si>
    <t>Provisões de PPP</t>
  </si>
  <si>
    <t>Outros passivos</t>
  </si>
  <si>
    <t>ATOS POTENCIAIS PASSIVOS</t>
  </si>
  <si>
    <t>Obrigações Contratuais</t>
  </si>
  <si>
    <t>Riscos Não Provisionados</t>
  </si>
  <si>
    <t>Garantias Concedidas</t>
  </si>
  <si>
    <t>Outros Passivos Contingentes</t>
  </si>
  <si>
    <t>DESPESAS DE PPP</t>
  </si>
  <si>
    <t>Exercício Anterior</t>
  </si>
  <si>
    <t>Exercício Corrente</t>
  </si>
  <si>
    <t>Ano 2020</t>
  </si>
  <si>
    <t>Ano 2021</t>
  </si>
  <si>
    <t>Ano 2022</t>
  </si>
  <si>
    <t>Ano 2023</t>
  </si>
  <si>
    <t>Ano 2024</t>
  </si>
  <si>
    <t>Ano 2025</t>
  </si>
  <si>
    <t>Ano 2026</t>
  </si>
  <si>
    <t>Ano 2027</t>
  </si>
  <si>
    <t>Ano 2028</t>
  </si>
  <si>
    <t>Do Ente Federado, exceto estatatais não dependentes (I)</t>
  </si>
  <si>
    <t>Das Estatais Não-dependentes</t>
  </si>
  <si>
    <t>TOTAL DAS DESPESAS</t>
  </si>
  <si>
    <t>PPP A CONTRATAR (II)</t>
  </si>
  <si>
    <t>RECEITA CORRENTE LÍQUIDA (RCL) (III)</t>
  </si>
  <si>
    <t>TOTAL DAS DESPESAS CONSIDERADAS PARA O LIMITE (IV = I + II)</t>
  </si>
  <si>
    <t>TOTAL DAS DESPESAS / RCL (%) (V = IV / III)</t>
  </si>
  <si>
    <t>Anexo 14 - Demonstrativo Simplificado do Relatório Resumido da Execução Orçamentária</t>
  </si>
  <si>
    <t>LRF, Art. 48</t>
  </si>
  <si>
    <t>BALANÇO ORÇAMENTÁRIO</t>
  </si>
  <si>
    <t>Receitas - Previsão Inicial</t>
  </si>
  <si>
    <t>Receitas - Previsão Atualizada</t>
  </si>
  <si>
    <t>Déficit Orçamentário</t>
  </si>
  <si>
    <t>Saldos de Exercícios Anteriores (Utilizados para Créditos Adicionais)</t>
  </si>
  <si>
    <t>Despesas - Dotação Inicial</t>
  </si>
  <si>
    <t>Créditos Adicionais</t>
  </si>
  <si>
    <t>Despesas - Dotação Atualizada</t>
  </si>
  <si>
    <t>Despesas Pagas</t>
  </si>
  <si>
    <t>Superávit Orçamentário</t>
  </si>
  <si>
    <t>DESPESAS POR FUNÇÃO / SUBFUNÇÃO</t>
  </si>
  <si>
    <t>RECEITA CORRENTE LÍQUIDA - RCL</t>
  </si>
  <si>
    <t>Receita Corrente Líquida</t>
  </si>
  <si>
    <t>RECEITAS E DESPESAS DO REGIME PRÓPRIO DE PREVIDÊNCIA DOS SERVIDORES</t>
  </si>
  <si>
    <t>Regime Próprio de Previdência dos Servidores - PLANO PREVIDENCIÁRIO - Receitas Previdenciárias Realizadas</t>
  </si>
  <si>
    <t>Regime Próprio de Previdência dos Servidores - PLANO PREVIDENCIÁRIO - Despesas Previdenciárias Liquidadas</t>
  </si>
  <si>
    <t>Regime Próprio de Previdência dos Servidores - PLANO PREVIDENCIÁRIO - Resultado Previdenciário</t>
  </si>
  <si>
    <t>Regime Próprio de Previdência dos Servidores - PLANO FINANCEIRO - Receitas Previdenciárias Realizadas</t>
  </si>
  <si>
    <t>Regime Próprio de Previdência dos Servidores - PLANO FINANCEIRO - Despesas Previdenciárias Liquidadas</t>
  </si>
  <si>
    <t>Regime Próprio de Previdência dos Servidores - PLANO FINANCEIRO - Resultado Previdenciário</t>
  </si>
  <si>
    <t>RESULTADOS NOMINAL E PRIMÁRIO</t>
  </si>
  <si>
    <t>Meta Fixada no Anexo de Metas Fiscais da LDO (a)</t>
  </si>
  <si>
    <t>Resultado Apurado Até o Bimestre (b)</t>
  </si>
  <si>
    <t>% em Relação à Meta (b / a)</t>
  </si>
  <si>
    <t>Resultado Primário - Acima da Linha</t>
  </si>
  <si>
    <t>Resultado Nominal - Acima da Linha</t>
  </si>
  <si>
    <t>RESTOS A PAGAR POR PODER E MINISTÉRIO PÚBLICO</t>
  </si>
  <si>
    <t>Inscrição</t>
  </si>
  <si>
    <t>Cancelamento Até o Bimestre</t>
  </si>
  <si>
    <t>Pagamento Até o Bimestre</t>
  </si>
  <si>
    <t>Saldo a Pagar</t>
  </si>
  <si>
    <t xml:space="preserve">    RESTOS A PAGAR PROCESSADOS</t>
  </si>
  <si>
    <t xml:space="preserve">           Poder Executivo</t>
  </si>
  <si>
    <t xml:space="preserve">           Poder Legislativo</t>
  </si>
  <si>
    <t xml:space="preserve">           Poder Judiciário</t>
  </si>
  <si>
    <t xml:space="preserve">           Ministério Público</t>
  </si>
  <si>
    <t xml:space="preserve">           Defensoria Pública </t>
  </si>
  <si>
    <t xml:space="preserve">    RESTOS A PAGAR NÃO-PROCESSADOS</t>
  </si>
  <si>
    <t>DESPESAS COM MANUTENÇÃO E DESENVOLVIMENTO DO ENSINO</t>
  </si>
  <si>
    <t>Valor Apurado Até o Bimestre</t>
  </si>
  <si>
    <t>Limites Constitucionais Anuais</t>
  </si>
  <si>
    <t>% Mínimo a Aplicar no Exercício</t>
  </si>
  <si>
    <t>% Aplicado Até o Bimestre</t>
  </si>
  <si>
    <t>Mínimo Anual de 25% das Receitas de Impostos na Manutenção e Desenvolvimento do Ensino</t>
  </si>
  <si>
    <t>Mínimo Anual de 60% do FUNDEB na Remuneração do Magistério com Ensino Fundamental e Médio</t>
  </si>
  <si>
    <t>Mínimo Anual de 60% do FUNDEB na Remuneração do Magistério com Educação Infantil e Ensino Fundamental</t>
  </si>
  <si>
    <t>Complementação da União ao FUNDEB</t>
  </si>
  <si>
    <t>RECEITAS DE OPERAÇÕES DE CRÉDITO E DESPESAS DE CAPITAL</t>
  </si>
  <si>
    <t>Saldo Não Realizado</t>
  </si>
  <si>
    <t>Receitas de Operações de Crédito</t>
  </si>
  <si>
    <t>Despesa de Capital Líquida</t>
  </si>
  <si>
    <t>PROJEÇÃO ATUARIAL DOS REGIMES DE PREVIDÊNCIA</t>
  </si>
  <si>
    <t>Exercício</t>
  </si>
  <si>
    <t>10º Exercício</t>
  </si>
  <si>
    <t>20º Exercício</t>
  </si>
  <si>
    <t>35º Exercício</t>
  </si>
  <si>
    <t>Plano Previdenciário - Receitas Previdenciárias</t>
  </si>
  <si>
    <t>Plano Previdenciário - Despesas Previdenciárias</t>
  </si>
  <si>
    <t>Plano Previdenciário - Resultado Previdenciário</t>
  </si>
  <si>
    <t>Plano Financeiro - Receitas Previdenciárias</t>
  </si>
  <si>
    <t>Plano Financeiro - Despesas Previdenciárias</t>
  </si>
  <si>
    <t>Plano Financeiro - Resultado Previdenciário</t>
  </si>
  <si>
    <t>RECEITA DA ALIENAÇÃO DE ATIVOS E APLICAÇÃO DOS RECURSOS</t>
  </si>
  <si>
    <t>Saldo a Realizar</t>
  </si>
  <si>
    <t>Receita de Capital Resultante da Alienação de Ativos</t>
  </si>
  <si>
    <t>Aplicação dos Recursos da Alienação de Ativos</t>
  </si>
  <si>
    <t>DESPESAS COM AÇÕES E SERVIÇOS PÚBLICOS DE SAÚDE</t>
  </si>
  <si>
    <t>Limite Constitucional Anual</t>
  </si>
  <si>
    <t>Despesas com Ações e Serviços Públicos de Saúde executadas com recursos de impostos</t>
  </si>
  <si>
    <t>DESPESAS DE CARÁTER CONTINUADO DERIVADO DE PPP</t>
  </si>
  <si>
    <t>Valor Apurado no Exercício Corrente</t>
  </si>
  <si>
    <t>Total das Despesas/RCL (%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3" formatCode="_-* #,##0.00_-;\-* #,##0.00_-;_-* &quot;-&quot;??_-;_-@_-"/>
  </numFmts>
  <fonts count="12" x14ac:knownFonts="1">
    <font>
      <sz val="11"/>
      <color indexed="8"/>
      <name val="Calibri"/>
      <family val="2"/>
      <scheme val="minor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b/>
      <sz val="8"/>
      <name val="verdana"/>
    </font>
    <font>
      <sz val="8"/>
      <name val="verdana"/>
    </font>
    <font>
      <sz val="8"/>
      <name val="verdana"/>
    </font>
    <font>
      <sz val="11"/>
      <color indexed="8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C0C0C0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2">
    <xf numFmtId="0" fontId="0" fillId="0" borderId="0"/>
    <xf numFmtId="43" fontId="11" fillId="0" borderId="0" applyFont="0" applyFill="0" applyBorder="0" applyAlignment="0" applyProtection="0"/>
  </cellStyleXfs>
  <cellXfs count="13">
    <xf numFmtId="0" fontId="0" fillId="0" borderId="0" xfId="0"/>
    <xf numFmtId="0" fontId="1" fillId="2" borderId="1" xfId="0" applyFont="1" applyFill="1" applyBorder="1" applyAlignment="1">
      <alignment horizontal="center" vertical="center" wrapText="1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7" fillId="0" borderId="0" xfId="0" applyFont="1" applyAlignment="1">
      <alignment horizontal="left" vertical="center"/>
    </xf>
    <xf numFmtId="0" fontId="9" fillId="0" borderId="0" xfId="0" applyFont="1" applyAlignment="1">
      <alignment horizontal="center" vertical="center"/>
    </xf>
    <xf numFmtId="0" fontId="0" fillId="0" borderId="0" xfId="0"/>
    <xf numFmtId="0" fontId="8" fillId="0" borderId="0" xfId="0" applyFont="1" applyAlignment="1">
      <alignment horizontal="center" vertical="center"/>
    </xf>
    <xf numFmtId="0" fontId="10" fillId="0" borderId="0" xfId="0" applyFont="1" applyAlignment="1">
      <alignment horizontal="left" vertical="center"/>
    </xf>
    <xf numFmtId="0" fontId="1" fillId="2" borderId="1" xfId="0" applyFont="1" applyFill="1" applyBorder="1" applyAlignment="1">
      <alignment horizontal="center" vertical="center" wrapText="1"/>
    </xf>
    <xf numFmtId="43" fontId="3" fillId="0" borderId="0" xfId="1" applyFont="1" applyAlignment="1">
      <alignment horizontal="right" vertical="center"/>
    </xf>
    <xf numFmtId="43" fontId="2" fillId="0" borderId="0" xfId="1" applyFont="1" applyAlignment="1">
      <alignment horizontal="right" vertical="center"/>
    </xf>
  </cellXfs>
  <cellStyles count="2">
    <cellStyle name="Normal" xfId="0" builtinId="0"/>
    <cellStyle name="Vírgula" xfId="1" builtin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2" Type="http://schemas.openxmlformats.org/officeDocument/2006/relationships/worksheet" Target="worksheets/sheet2.xml"/><Relationship Id="rId16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styles" Target="styles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L198"/>
  <sheetViews>
    <sheetView showGridLines="0" workbookViewId="0"/>
  </sheetViews>
  <sheetFormatPr defaultRowHeight="15" x14ac:dyDescent="0.25"/>
  <cols>
    <col min="1" max="1" width="3.7109375" bestFit="1" customWidth="1"/>
    <col min="2" max="2" width="66.42578125" bestFit="1" customWidth="1"/>
    <col min="3" max="4" width="20.28515625" bestFit="1" customWidth="1"/>
    <col min="5" max="5" width="19.140625" bestFit="1" customWidth="1"/>
    <col min="6" max="6" width="20.140625" bestFit="1" customWidth="1"/>
    <col min="7" max="7" width="20.28515625" bestFit="1" customWidth="1"/>
    <col min="8" max="8" width="19" bestFit="1" customWidth="1"/>
    <col min="9" max="9" width="20.140625" bestFit="1" customWidth="1"/>
    <col min="10" max="10" width="19" bestFit="1" customWidth="1"/>
    <col min="11" max="11" width="20.140625" bestFit="1" customWidth="1"/>
    <col min="12" max="12" width="17.28515625" bestFit="1" customWidth="1"/>
  </cols>
  <sheetData>
    <row r="3" spans="1:12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</row>
    <row r="4" spans="1:12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</row>
    <row r="5" spans="1:12" x14ac:dyDescent="0.25">
      <c r="A5" s="8" t="s">
        <v>2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</row>
    <row r="6" spans="1:12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</row>
    <row r="7" spans="1:12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</row>
    <row r="9" spans="1:12" x14ac:dyDescent="0.25">
      <c r="A9" s="9" t="s">
        <v>5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</row>
    <row r="10" spans="1:12" x14ac:dyDescent="0.25">
      <c r="A10" s="10" t="s">
        <v>6</v>
      </c>
      <c r="B10" s="10" t="s">
        <v>8</v>
      </c>
      <c r="C10" s="10" t="s">
        <v>9</v>
      </c>
      <c r="D10" s="10" t="s">
        <v>10</v>
      </c>
      <c r="E10" s="10" t="s">
        <v>11</v>
      </c>
      <c r="F10" s="10" t="s">
        <v>7</v>
      </c>
      <c r="G10" s="10" t="s">
        <v>7</v>
      </c>
      <c r="H10" s="10" t="s">
        <v>7</v>
      </c>
      <c r="I10" s="10" t="s">
        <v>16</v>
      </c>
    </row>
    <row r="11" spans="1:12" ht="21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" t="s">
        <v>12</v>
      </c>
      <c r="F11" s="1" t="s">
        <v>13</v>
      </c>
      <c r="G11" s="1" t="s">
        <v>14</v>
      </c>
      <c r="H11" s="1" t="s">
        <v>15</v>
      </c>
      <c r="I11" s="10" t="s">
        <v>7</v>
      </c>
    </row>
    <row r="12" spans="1:12" x14ac:dyDescent="0.25">
      <c r="A12" s="3" t="s">
        <v>17</v>
      </c>
      <c r="B12" s="5" t="s">
        <v>18</v>
      </c>
      <c r="C12" s="11">
        <v>13664139500</v>
      </c>
      <c r="D12" s="11">
        <v>14244275867</v>
      </c>
      <c r="E12" s="11">
        <v>2484767236.54</v>
      </c>
      <c r="F12" s="11">
        <v>17.440000000000001</v>
      </c>
      <c r="G12" s="11">
        <v>12871473210.9</v>
      </c>
      <c r="H12" s="11">
        <v>90.36</v>
      </c>
      <c r="I12" s="11">
        <v>1372802656.0999999</v>
      </c>
    </row>
    <row r="13" spans="1:12" x14ac:dyDescent="0.25">
      <c r="A13" s="3" t="s">
        <v>19</v>
      </c>
      <c r="B13" s="5" t="s">
        <v>20</v>
      </c>
      <c r="C13" s="11">
        <v>12001659400</v>
      </c>
      <c r="D13" s="11">
        <v>12497740306</v>
      </c>
      <c r="E13" s="11">
        <v>2460618868.5799999</v>
      </c>
      <c r="F13" s="11">
        <v>19.690000000000001</v>
      </c>
      <c r="G13" s="11">
        <v>12766505588.940001</v>
      </c>
      <c r="H13" s="11">
        <v>102.15</v>
      </c>
      <c r="I13" s="11">
        <v>-268765282.94</v>
      </c>
    </row>
    <row r="14" spans="1:12" x14ac:dyDescent="0.25">
      <c r="A14" s="3" t="s">
        <v>21</v>
      </c>
      <c r="B14" s="5" t="s">
        <v>22</v>
      </c>
      <c r="C14" s="11">
        <v>6961222000</v>
      </c>
      <c r="D14" s="11">
        <v>7065256995</v>
      </c>
      <c r="E14" s="11">
        <v>1346526538.8499999</v>
      </c>
      <c r="F14" s="11">
        <v>19.059999999999999</v>
      </c>
      <c r="G14" s="11">
        <v>7040991621.6499996</v>
      </c>
      <c r="H14" s="11">
        <v>99.66</v>
      </c>
      <c r="I14" s="11">
        <v>24265373.350000001</v>
      </c>
    </row>
    <row r="15" spans="1:12" x14ac:dyDescent="0.25">
      <c r="A15" s="2" t="s">
        <v>23</v>
      </c>
      <c r="B15" s="4" t="s">
        <v>24</v>
      </c>
      <c r="C15" s="12">
        <v>6699048900</v>
      </c>
      <c r="D15" s="12">
        <v>6701866240</v>
      </c>
      <c r="E15" s="12">
        <v>1303110014.74</v>
      </c>
      <c r="F15" s="12">
        <v>19.440000000000001</v>
      </c>
      <c r="G15" s="12">
        <v>6786578383.9899998</v>
      </c>
      <c r="H15" s="12">
        <v>101.26</v>
      </c>
      <c r="I15" s="12">
        <v>-84712143.989999995</v>
      </c>
    </row>
    <row r="16" spans="1:12" x14ac:dyDescent="0.25">
      <c r="A16" s="2" t="s">
        <v>25</v>
      </c>
      <c r="B16" s="4" t="s">
        <v>26</v>
      </c>
      <c r="C16" s="12">
        <v>262173100</v>
      </c>
      <c r="D16" s="12">
        <v>363390755</v>
      </c>
      <c r="E16" s="12">
        <v>43416524.109999999</v>
      </c>
      <c r="F16" s="12">
        <v>11.95</v>
      </c>
      <c r="G16" s="12">
        <v>254413237.66</v>
      </c>
      <c r="H16" s="12">
        <v>70.010000000000005</v>
      </c>
      <c r="I16" s="12">
        <v>108977517.34</v>
      </c>
    </row>
    <row r="17" spans="1:9" x14ac:dyDescent="0.25">
      <c r="A17" s="2" t="s">
        <v>27</v>
      </c>
      <c r="B17" s="4" t="s">
        <v>28</v>
      </c>
      <c r="C17" s="12">
        <v>0</v>
      </c>
      <c r="D17" s="12">
        <v>0</v>
      </c>
      <c r="E17" s="12">
        <v>0</v>
      </c>
      <c r="F17" s="12">
        <v>0</v>
      </c>
      <c r="G17" s="12">
        <v>0</v>
      </c>
      <c r="H17" s="12">
        <v>0</v>
      </c>
      <c r="I17" s="12">
        <v>0</v>
      </c>
    </row>
    <row r="18" spans="1:9" x14ac:dyDescent="0.25">
      <c r="A18" s="3" t="s">
        <v>29</v>
      </c>
      <c r="B18" s="5" t="s">
        <v>30</v>
      </c>
      <c r="C18" s="11">
        <v>675109000</v>
      </c>
      <c r="D18" s="11">
        <v>786529000</v>
      </c>
      <c r="E18" s="11">
        <v>75343716.579999998</v>
      </c>
      <c r="F18" s="11">
        <v>9.58</v>
      </c>
      <c r="G18" s="11">
        <v>586343936.90999997</v>
      </c>
      <c r="H18" s="11">
        <v>74.55</v>
      </c>
      <c r="I18" s="11">
        <v>200185063.09</v>
      </c>
    </row>
    <row r="19" spans="1:9" x14ac:dyDescent="0.25">
      <c r="A19" s="2" t="s">
        <v>31</v>
      </c>
      <c r="B19" s="4" t="s">
        <v>32</v>
      </c>
      <c r="C19" s="12">
        <v>675109000</v>
      </c>
      <c r="D19" s="12">
        <v>786529000</v>
      </c>
      <c r="E19" s="12">
        <v>75343716.579999998</v>
      </c>
      <c r="F19" s="12">
        <v>9.58</v>
      </c>
      <c r="G19" s="12">
        <v>586343936.90999997</v>
      </c>
      <c r="H19" s="12">
        <v>74.55</v>
      </c>
      <c r="I19" s="12">
        <v>200185063.09</v>
      </c>
    </row>
    <row r="20" spans="1:9" x14ac:dyDescent="0.25">
      <c r="A20" s="2" t="s">
        <v>33</v>
      </c>
      <c r="B20" s="4" t="s">
        <v>34</v>
      </c>
      <c r="C20" s="12">
        <v>0</v>
      </c>
      <c r="D20" s="12">
        <v>0</v>
      </c>
      <c r="E20" s="12">
        <v>0</v>
      </c>
      <c r="F20" s="12">
        <v>0</v>
      </c>
      <c r="G20" s="12">
        <v>0</v>
      </c>
      <c r="H20" s="12">
        <v>0</v>
      </c>
      <c r="I20" s="12">
        <v>0</v>
      </c>
    </row>
    <row r="21" spans="1:9" x14ac:dyDescent="0.25">
      <c r="A21" s="2" t="s">
        <v>35</v>
      </c>
      <c r="B21" s="4" t="s">
        <v>36</v>
      </c>
      <c r="C21" s="12">
        <v>0</v>
      </c>
      <c r="D21" s="12">
        <v>0</v>
      </c>
      <c r="E21" s="12">
        <v>0</v>
      </c>
      <c r="F21" s="12">
        <v>0</v>
      </c>
      <c r="G21" s="12">
        <v>0</v>
      </c>
      <c r="H21" s="12">
        <v>0</v>
      </c>
      <c r="I21" s="12">
        <v>0</v>
      </c>
    </row>
    <row r="22" spans="1:9" x14ac:dyDescent="0.25">
      <c r="A22" s="2" t="s">
        <v>37</v>
      </c>
      <c r="B22" s="4" t="s">
        <v>38</v>
      </c>
      <c r="C22" s="12">
        <v>0</v>
      </c>
      <c r="D22" s="12">
        <v>0</v>
      </c>
      <c r="E22" s="12">
        <v>0</v>
      </c>
      <c r="F22" s="12">
        <v>0</v>
      </c>
      <c r="G22" s="12">
        <v>0</v>
      </c>
      <c r="H22" s="12">
        <v>0</v>
      </c>
      <c r="I22" s="12">
        <v>0</v>
      </c>
    </row>
    <row r="23" spans="1:9" x14ac:dyDescent="0.25">
      <c r="A23" s="3" t="s">
        <v>39</v>
      </c>
      <c r="B23" s="5" t="s">
        <v>40</v>
      </c>
      <c r="C23" s="11">
        <v>111402500</v>
      </c>
      <c r="D23" s="11">
        <v>111519270</v>
      </c>
      <c r="E23" s="11">
        <v>11182191.859999999</v>
      </c>
      <c r="F23" s="11">
        <v>10.029999999999999</v>
      </c>
      <c r="G23" s="11">
        <v>100823456.27</v>
      </c>
      <c r="H23" s="11">
        <v>90.41</v>
      </c>
      <c r="I23" s="11">
        <v>10695813.73</v>
      </c>
    </row>
    <row r="24" spans="1:9" x14ac:dyDescent="0.25">
      <c r="A24" s="2" t="s">
        <v>41</v>
      </c>
      <c r="B24" s="4" t="s">
        <v>42</v>
      </c>
      <c r="C24" s="12">
        <v>1773200</v>
      </c>
      <c r="D24" s="12">
        <v>1881970</v>
      </c>
      <c r="E24" s="12">
        <v>293114.45</v>
      </c>
      <c r="F24" s="12">
        <v>15.57</v>
      </c>
      <c r="G24" s="12">
        <v>2092171.5</v>
      </c>
      <c r="H24" s="12">
        <v>111.17</v>
      </c>
      <c r="I24" s="12">
        <v>-210201.5</v>
      </c>
    </row>
    <row r="25" spans="1:9" x14ac:dyDescent="0.25">
      <c r="A25" s="2" t="s">
        <v>43</v>
      </c>
      <c r="B25" s="4" t="s">
        <v>44</v>
      </c>
      <c r="C25" s="12">
        <v>68379300</v>
      </c>
      <c r="D25" s="12">
        <v>68387300</v>
      </c>
      <c r="E25" s="12">
        <v>8467590.6699999999</v>
      </c>
      <c r="F25" s="12">
        <v>12.38</v>
      </c>
      <c r="G25" s="12">
        <v>64111576.289999999</v>
      </c>
      <c r="H25" s="12">
        <v>93.75</v>
      </c>
      <c r="I25" s="12">
        <v>4275723.71</v>
      </c>
    </row>
    <row r="26" spans="1:9" x14ac:dyDescent="0.25">
      <c r="A26" s="2" t="s">
        <v>45</v>
      </c>
      <c r="B26" s="4" t="s">
        <v>46</v>
      </c>
      <c r="C26" s="12">
        <v>0</v>
      </c>
      <c r="D26" s="12">
        <v>0</v>
      </c>
      <c r="E26" s="12">
        <v>0</v>
      </c>
      <c r="F26" s="12">
        <v>0</v>
      </c>
      <c r="G26" s="12">
        <v>0</v>
      </c>
      <c r="H26" s="12">
        <v>0</v>
      </c>
      <c r="I26" s="12">
        <v>0</v>
      </c>
    </row>
    <row r="27" spans="1:9" x14ac:dyDescent="0.25">
      <c r="A27" s="2" t="s">
        <v>47</v>
      </c>
      <c r="B27" s="4" t="s">
        <v>48</v>
      </c>
      <c r="C27" s="12">
        <v>25200000</v>
      </c>
      <c r="D27" s="12">
        <v>25200000</v>
      </c>
      <c r="E27" s="12">
        <v>1066930.03</v>
      </c>
      <c r="F27" s="12">
        <v>4.2300000000000004</v>
      </c>
      <c r="G27" s="12">
        <v>23009455.030000001</v>
      </c>
      <c r="H27" s="12">
        <v>91.31</v>
      </c>
      <c r="I27" s="12">
        <v>2190544.9700000002</v>
      </c>
    </row>
    <row r="28" spans="1:9" x14ac:dyDescent="0.25">
      <c r="A28" s="2" t="s">
        <v>49</v>
      </c>
      <c r="B28" s="4" t="s">
        <v>50</v>
      </c>
      <c r="C28" s="12">
        <v>0</v>
      </c>
      <c r="D28" s="12">
        <v>0</v>
      </c>
      <c r="E28" s="12">
        <v>0</v>
      </c>
      <c r="F28" s="12">
        <v>0</v>
      </c>
      <c r="G28" s="12">
        <v>0</v>
      </c>
      <c r="H28" s="12">
        <v>0</v>
      </c>
      <c r="I28" s="12">
        <v>0</v>
      </c>
    </row>
    <row r="29" spans="1:9" x14ac:dyDescent="0.25">
      <c r="A29" s="2" t="s">
        <v>51</v>
      </c>
      <c r="B29" s="4" t="s">
        <v>52</v>
      </c>
      <c r="C29" s="12">
        <v>16050000</v>
      </c>
      <c r="D29" s="12">
        <v>16050000</v>
      </c>
      <c r="E29" s="12">
        <v>1354556.71</v>
      </c>
      <c r="F29" s="12">
        <v>8.44</v>
      </c>
      <c r="G29" s="12">
        <v>11610253.449999999</v>
      </c>
      <c r="H29" s="12">
        <v>72.34</v>
      </c>
      <c r="I29" s="12">
        <v>4439746.55</v>
      </c>
    </row>
    <row r="30" spans="1:9" x14ac:dyDescent="0.25">
      <c r="A30" s="2" t="s">
        <v>53</v>
      </c>
      <c r="B30" s="4" t="s">
        <v>54</v>
      </c>
      <c r="C30" s="12">
        <v>0</v>
      </c>
      <c r="D30" s="12">
        <v>0</v>
      </c>
      <c r="E30" s="12">
        <v>0</v>
      </c>
      <c r="F30" s="12">
        <v>0</v>
      </c>
      <c r="G30" s="12">
        <v>0</v>
      </c>
      <c r="H30" s="12">
        <v>0</v>
      </c>
      <c r="I30" s="12">
        <v>0</v>
      </c>
    </row>
    <row r="31" spans="1:9" x14ac:dyDescent="0.25">
      <c r="A31" s="2" t="s">
        <v>55</v>
      </c>
      <c r="B31" s="4" t="s">
        <v>56</v>
      </c>
      <c r="C31" s="12">
        <v>0</v>
      </c>
      <c r="D31" s="12">
        <v>0</v>
      </c>
      <c r="E31" s="12">
        <v>0</v>
      </c>
      <c r="F31" s="12">
        <v>0</v>
      </c>
      <c r="G31" s="12">
        <v>0</v>
      </c>
      <c r="H31" s="12">
        <v>0</v>
      </c>
      <c r="I31" s="12">
        <v>0</v>
      </c>
    </row>
    <row r="32" spans="1:9" x14ac:dyDescent="0.25">
      <c r="A32" s="2" t="s">
        <v>57</v>
      </c>
      <c r="B32" s="4" t="s">
        <v>58</v>
      </c>
      <c r="C32" s="12">
        <v>0</v>
      </c>
      <c r="D32" s="12">
        <v>0</v>
      </c>
      <c r="E32" s="12">
        <v>0</v>
      </c>
      <c r="F32" s="12">
        <v>0</v>
      </c>
      <c r="G32" s="12">
        <v>0</v>
      </c>
      <c r="H32" s="12">
        <v>0</v>
      </c>
      <c r="I32" s="12">
        <v>0</v>
      </c>
    </row>
    <row r="33" spans="1:9" x14ac:dyDescent="0.25">
      <c r="A33" s="3" t="s">
        <v>59</v>
      </c>
      <c r="B33" s="5" t="s">
        <v>60</v>
      </c>
      <c r="C33" s="11">
        <v>745662900</v>
      </c>
      <c r="D33" s="11">
        <v>1013757041</v>
      </c>
      <c r="E33" s="11">
        <v>156792333.94999999</v>
      </c>
      <c r="F33" s="11">
        <v>15.47</v>
      </c>
      <c r="G33" s="11">
        <v>873502400.64999998</v>
      </c>
      <c r="H33" s="11">
        <v>86.16</v>
      </c>
      <c r="I33" s="11">
        <v>140254640.34999999</v>
      </c>
    </row>
    <row r="34" spans="1:9" x14ac:dyDescent="0.25">
      <c r="A34" s="2" t="s">
        <v>61</v>
      </c>
      <c r="B34" s="4" t="s">
        <v>62</v>
      </c>
      <c r="C34" s="12">
        <v>670450900</v>
      </c>
      <c r="D34" s="12">
        <v>938545041</v>
      </c>
      <c r="E34" s="12">
        <v>146173985.47999999</v>
      </c>
      <c r="F34" s="12">
        <v>15.57</v>
      </c>
      <c r="G34" s="12">
        <v>805746637.39999998</v>
      </c>
      <c r="H34" s="12">
        <v>85.85</v>
      </c>
      <c r="I34" s="12">
        <v>132798403.59999999</v>
      </c>
    </row>
    <row r="35" spans="1:9" x14ac:dyDescent="0.25">
      <c r="A35" s="2" t="s">
        <v>63</v>
      </c>
      <c r="B35" s="4" t="s">
        <v>64</v>
      </c>
      <c r="C35" s="12">
        <v>2283000</v>
      </c>
      <c r="D35" s="12">
        <v>2283000</v>
      </c>
      <c r="E35" s="12">
        <v>239274.03</v>
      </c>
      <c r="F35" s="12">
        <v>10.48</v>
      </c>
      <c r="G35" s="12">
        <v>1538748.37</v>
      </c>
      <c r="H35" s="12">
        <v>67.400000000000006</v>
      </c>
      <c r="I35" s="12">
        <v>744251.63</v>
      </c>
    </row>
    <row r="36" spans="1:9" x14ac:dyDescent="0.25">
      <c r="A36" s="2" t="s">
        <v>65</v>
      </c>
      <c r="B36" s="4" t="s">
        <v>66</v>
      </c>
      <c r="C36" s="12">
        <v>64580000</v>
      </c>
      <c r="D36" s="12">
        <v>64580000</v>
      </c>
      <c r="E36" s="12">
        <v>9684671.5399999991</v>
      </c>
      <c r="F36" s="12">
        <v>15</v>
      </c>
      <c r="G36" s="12">
        <v>58002507.259999998</v>
      </c>
      <c r="H36" s="12">
        <v>89.81</v>
      </c>
      <c r="I36" s="12">
        <v>6577492.7400000002</v>
      </c>
    </row>
    <row r="37" spans="1:9" x14ac:dyDescent="0.25">
      <c r="A37" s="2" t="s">
        <v>67</v>
      </c>
      <c r="B37" s="4" t="s">
        <v>68</v>
      </c>
      <c r="C37" s="12">
        <v>0</v>
      </c>
      <c r="D37" s="12">
        <v>0</v>
      </c>
      <c r="E37" s="12">
        <v>0</v>
      </c>
      <c r="F37" s="12">
        <v>0</v>
      </c>
      <c r="G37" s="12">
        <v>0</v>
      </c>
      <c r="H37" s="12">
        <v>0</v>
      </c>
      <c r="I37" s="12">
        <v>0</v>
      </c>
    </row>
    <row r="38" spans="1:9" x14ac:dyDescent="0.25">
      <c r="A38" s="2" t="s">
        <v>69</v>
      </c>
      <c r="B38" s="4" t="s">
        <v>70</v>
      </c>
      <c r="C38" s="12">
        <v>8349000</v>
      </c>
      <c r="D38" s="12">
        <v>8349000</v>
      </c>
      <c r="E38" s="12">
        <v>694402.9</v>
      </c>
      <c r="F38" s="12">
        <v>8.32</v>
      </c>
      <c r="G38" s="12">
        <v>8214507.6200000001</v>
      </c>
      <c r="H38" s="12">
        <v>98.39</v>
      </c>
      <c r="I38" s="12">
        <v>134492.38</v>
      </c>
    </row>
    <row r="39" spans="1:9" x14ac:dyDescent="0.25">
      <c r="A39" s="3" t="s">
        <v>71</v>
      </c>
      <c r="B39" s="5" t="s">
        <v>72</v>
      </c>
      <c r="C39" s="11">
        <v>3449217100</v>
      </c>
      <c r="D39" s="11">
        <v>3459683100</v>
      </c>
      <c r="E39" s="11">
        <v>856861528.21000004</v>
      </c>
      <c r="F39" s="11">
        <v>24.77</v>
      </c>
      <c r="G39" s="11">
        <v>4075543238.3299999</v>
      </c>
      <c r="H39" s="11">
        <v>117.8</v>
      </c>
      <c r="I39" s="11">
        <v>-615860138.33000004</v>
      </c>
    </row>
    <row r="40" spans="1:9" x14ac:dyDescent="0.25">
      <c r="A40" s="2" t="s">
        <v>73</v>
      </c>
      <c r="B40" s="4" t="s">
        <v>74</v>
      </c>
      <c r="C40" s="12">
        <v>1559016200</v>
      </c>
      <c r="D40" s="12">
        <v>1569016200</v>
      </c>
      <c r="E40" s="12">
        <v>413715168.48000002</v>
      </c>
      <c r="F40" s="12">
        <v>26.37</v>
      </c>
      <c r="G40" s="12">
        <v>1551173561</v>
      </c>
      <c r="H40" s="12">
        <v>98.86</v>
      </c>
      <c r="I40" s="12">
        <v>17842639</v>
      </c>
    </row>
    <row r="41" spans="1:9" x14ac:dyDescent="0.25">
      <c r="A41" s="2" t="s">
        <v>75</v>
      </c>
      <c r="B41" s="4" t="s">
        <v>76</v>
      </c>
      <c r="C41" s="12">
        <v>0</v>
      </c>
      <c r="D41" s="12">
        <v>0</v>
      </c>
      <c r="E41" s="12">
        <v>0</v>
      </c>
      <c r="F41" s="12">
        <v>0</v>
      </c>
      <c r="G41" s="12">
        <v>0</v>
      </c>
      <c r="H41" s="12">
        <v>0</v>
      </c>
      <c r="I41" s="12">
        <v>0</v>
      </c>
    </row>
    <row r="42" spans="1:9" x14ac:dyDescent="0.25">
      <c r="A42" s="2" t="s">
        <v>77</v>
      </c>
      <c r="B42" s="4" t="s">
        <v>78</v>
      </c>
      <c r="C42" s="12">
        <v>386600</v>
      </c>
      <c r="D42" s="12">
        <v>406600</v>
      </c>
      <c r="E42" s="12">
        <v>497043.27</v>
      </c>
      <c r="F42" s="12">
        <v>122.24</v>
      </c>
      <c r="G42" s="12">
        <v>5005608.1500000004</v>
      </c>
      <c r="H42" s="12">
        <v>1231.0899999999999</v>
      </c>
      <c r="I42" s="12">
        <v>-4599008.1500000004</v>
      </c>
    </row>
    <row r="43" spans="1:9" x14ac:dyDescent="0.25">
      <c r="A43" s="2" t="s">
        <v>79</v>
      </c>
      <c r="B43" s="4" t="s">
        <v>80</v>
      </c>
      <c r="C43" s="12">
        <v>731302900</v>
      </c>
      <c r="D43" s="12">
        <v>731748900</v>
      </c>
      <c r="E43" s="12">
        <v>229891665.53999999</v>
      </c>
      <c r="F43" s="12">
        <v>31.42</v>
      </c>
      <c r="G43" s="12">
        <v>1392934963.96</v>
      </c>
      <c r="H43" s="12">
        <v>190.36</v>
      </c>
      <c r="I43" s="12">
        <v>-661186063.96000004</v>
      </c>
    </row>
    <row r="44" spans="1:9" x14ac:dyDescent="0.25">
      <c r="A44" s="2" t="s">
        <v>81</v>
      </c>
      <c r="B44" s="4" t="s">
        <v>82</v>
      </c>
      <c r="C44" s="12">
        <v>1153811400</v>
      </c>
      <c r="D44" s="12">
        <v>1153811400</v>
      </c>
      <c r="E44" s="12">
        <v>212757332.91999999</v>
      </c>
      <c r="F44" s="12">
        <v>18.440000000000001</v>
      </c>
      <c r="G44" s="12">
        <v>1126425190.98</v>
      </c>
      <c r="H44" s="12">
        <v>97.63</v>
      </c>
      <c r="I44" s="12">
        <v>27386209.02</v>
      </c>
    </row>
    <row r="45" spans="1:9" x14ac:dyDescent="0.25">
      <c r="A45" s="2" t="s">
        <v>83</v>
      </c>
      <c r="B45" s="4" t="s">
        <v>84</v>
      </c>
      <c r="C45" s="12">
        <v>4000000</v>
      </c>
      <c r="D45" s="12">
        <v>4000000</v>
      </c>
      <c r="E45" s="12">
        <v>0</v>
      </c>
      <c r="F45" s="12">
        <v>0</v>
      </c>
      <c r="G45" s="12">
        <v>3596.24</v>
      </c>
      <c r="H45" s="12">
        <v>0.09</v>
      </c>
      <c r="I45" s="12">
        <v>3996403.76</v>
      </c>
    </row>
    <row r="46" spans="1:9" x14ac:dyDescent="0.25">
      <c r="A46" s="2" t="s">
        <v>85</v>
      </c>
      <c r="B46" s="4" t="s">
        <v>86</v>
      </c>
      <c r="C46" s="12">
        <v>700000</v>
      </c>
      <c r="D46" s="12">
        <v>700000</v>
      </c>
      <c r="E46" s="12">
        <v>318</v>
      </c>
      <c r="F46" s="12">
        <v>0.05</v>
      </c>
      <c r="G46" s="12">
        <v>318</v>
      </c>
      <c r="H46" s="12">
        <v>0.05</v>
      </c>
      <c r="I46" s="12">
        <v>699682</v>
      </c>
    </row>
    <row r="47" spans="1:9" x14ac:dyDescent="0.25">
      <c r="A47" s="2" t="s">
        <v>87</v>
      </c>
      <c r="B47" s="4" t="s">
        <v>88</v>
      </c>
      <c r="C47" s="12">
        <v>0</v>
      </c>
      <c r="D47" s="12">
        <v>0</v>
      </c>
      <c r="E47" s="12">
        <v>0</v>
      </c>
      <c r="F47" s="12">
        <v>0</v>
      </c>
      <c r="G47" s="12">
        <v>0</v>
      </c>
      <c r="H47" s="12">
        <v>0</v>
      </c>
      <c r="I47" s="12">
        <v>0</v>
      </c>
    </row>
    <row r="48" spans="1:9" x14ac:dyDescent="0.25">
      <c r="A48" s="3" t="s">
        <v>89</v>
      </c>
      <c r="B48" s="5" t="s">
        <v>90</v>
      </c>
      <c r="C48" s="11">
        <v>59045900</v>
      </c>
      <c r="D48" s="11">
        <v>60994900</v>
      </c>
      <c r="E48" s="11">
        <v>13912559.130000001</v>
      </c>
      <c r="F48" s="11">
        <v>22.81</v>
      </c>
      <c r="G48" s="11">
        <v>89300935.129999995</v>
      </c>
      <c r="H48" s="11">
        <v>146.41</v>
      </c>
      <c r="I48" s="11">
        <v>-28306035.129999999</v>
      </c>
    </row>
    <row r="49" spans="1:9" x14ac:dyDescent="0.25">
      <c r="A49" s="2" t="s">
        <v>91</v>
      </c>
      <c r="B49" s="4" t="s">
        <v>92</v>
      </c>
      <c r="C49" s="12">
        <v>39014300</v>
      </c>
      <c r="D49" s="12">
        <v>39014300</v>
      </c>
      <c r="E49" s="12">
        <v>6795012.6699999999</v>
      </c>
      <c r="F49" s="12">
        <v>17.420000000000002</v>
      </c>
      <c r="G49" s="12">
        <v>45617697.280000001</v>
      </c>
      <c r="H49" s="12">
        <v>116.93</v>
      </c>
      <c r="I49" s="12">
        <v>-6603397.2800000003</v>
      </c>
    </row>
    <row r="50" spans="1:9" x14ac:dyDescent="0.25">
      <c r="A50" s="2" t="s">
        <v>93</v>
      </c>
      <c r="B50" s="4" t="s">
        <v>94</v>
      </c>
      <c r="C50" s="12">
        <v>16202300</v>
      </c>
      <c r="D50" s="12">
        <v>17851300</v>
      </c>
      <c r="E50" s="12">
        <v>4688317.22</v>
      </c>
      <c r="F50" s="12">
        <v>26.26</v>
      </c>
      <c r="G50" s="12">
        <v>28903962.59</v>
      </c>
      <c r="H50" s="12">
        <v>161.91999999999999</v>
      </c>
      <c r="I50" s="12">
        <v>-11052662.59</v>
      </c>
    </row>
    <row r="51" spans="1:9" x14ac:dyDescent="0.25">
      <c r="A51" s="2" t="s">
        <v>95</v>
      </c>
      <c r="B51" s="4" t="s">
        <v>96</v>
      </c>
      <c r="C51" s="12">
        <v>0</v>
      </c>
      <c r="D51" s="12">
        <v>0</v>
      </c>
      <c r="E51" s="12">
        <v>0</v>
      </c>
      <c r="F51" s="12">
        <v>0</v>
      </c>
      <c r="G51" s="12">
        <v>0</v>
      </c>
      <c r="H51" s="12">
        <v>0</v>
      </c>
      <c r="I51" s="12">
        <v>0</v>
      </c>
    </row>
    <row r="52" spans="1:9" x14ac:dyDescent="0.25">
      <c r="A52" s="2" t="s">
        <v>97</v>
      </c>
      <c r="B52" s="4" t="s">
        <v>98</v>
      </c>
      <c r="C52" s="12">
        <v>3829300</v>
      </c>
      <c r="D52" s="12">
        <v>4129300</v>
      </c>
      <c r="E52" s="12">
        <v>2429229.2400000002</v>
      </c>
      <c r="F52" s="12">
        <v>58.83</v>
      </c>
      <c r="G52" s="12">
        <v>14779275.26</v>
      </c>
      <c r="H52" s="12">
        <v>357.91</v>
      </c>
      <c r="I52" s="12">
        <v>-10649975.26</v>
      </c>
    </row>
    <row r="53" spans="1:9" x14ac:dyDescent="0.25">
      <c r="A53" s="3" t="s">
        <v>99</v>
      </c>
      <c r="B53" s="5" t="s">
        <v>100</v>
      </c>
      <c r="C53" s="11">
        <v>1662480100</v>
      </c>
      <c r="D53" s="11">
        <v>1746535561</v>
      </c>
      <c r="E53" s="11">
        <v>24148367.960000001</v>
      </c>
      <c r="F53" s="11">
        <v>1.38</v>
      </c>
      <c r="G53" s="11">
        <v>104967621.95999999</v>
      </c>
      <c r="H53" s="11">
        <v>6.01</v>
      </c>
      <c r="I53" s="11">
        <v>1641567939.04</v>
      </c>
    </row>
    <row r="54" spans="1:9" x14ac:dyDescent="0.25">
      <c r="A54" s="3" t="s">
        <v>101</v>
      </c>
      <c r="B54" s="5" t="s">
        <v>102</v>
      </c>
      <c r="C54" s="11">
        <v>23453900</v>
      </c>
      <c r="D54" s="11">
        <v>55793379</v>
      </c>
      <c r="E54" s="11">
        <v>0</v>
      </c>
      <c r="F54" s="11">
        <v>0</v>
      </c>
      <c r="G54" s="11">
        <v>11562423.890000001</v>
      </c>
      <c r="H54" s="11">
        <v>20.72</v>
      </c>
      <c r="I54" s="11">
        <v>44230955.109999999</v>
      </c>
    </row>
    <row r="55" spans="1:9" x14ac:dyDescent="0.25">
      <c r="A55" s="2" t="s">
        <v>103</v>
      </c>
      <c r="B55" s="4" t="s">
        <v>104</v>
      </c>
      <c r="C55" s="12">
        <v>10788200</v>
      </c>
      <c r="D55" s="12">
        <v>43127679</v>
      </c>
      <c r="E55" s="12">
        <v>0</v>
      </c>
      <c r="F55" s="12">
        <v>0</v>
      </c>
      <c r="G55" s="12">
        <v>11562423.890000001</v>
      </c>
      <c r="H55" s="12">
        <v>26.81</v>
      </c>
      <c r="I55" s="12">
        <v>31565255.109999999</v>
      </c>
    </row>
    <row r="56" spans="1:9" x14ac:dyDescent="0.25">
      <c r="A56" s="2" t="s">
        <v>105</v>
      </c>
      <c r="B56" s="4" t="s">
        <v>106</v>
      </c>
      <c r="C56" s="12">
        <v>12665700</v>
      </c>
      <c r="D56" s="12">
        <v>12665700</v>
      </c>
      <c r="E56" s="12">
        <v>0</v>
      </c>
      <c r="F56" s="12">
        <v>0</v>
      </c>
      <c r="G56" s="12">
        <v>0</v>
      </c>
      <c r="H56" s="12">
        <v>0</v>
      </c>
      <c r="I56" s="12">
        <v>12665700</v>
      </c>
    </row>
    <row r="57" spans="1:9" x14ac:dyDescent="0.25">
      <c r="A57" s="3" t="s">
        <v>107</v>
      </c>
      <c r="B57" s="5" t="s">
        <v>108</v>
      </c>
      <c r="C57" s="11">
        <v>5151000</v>
      </c>
      <c r="D57" s="11">
        <v>6249900</v>
      </c>
      <c r="E57" s="11">
        <v>789343.58</v>
      </c>
      <c r="F57" s="11">
        <v>12.63</v>
      </c>
      <c r="G57" s="11">
        <v>2223709.02</v>
      </c>
      <c r="H57" s="11">
        <v>35.58</v>
      </c>
      <c r="I57" s="11">
        <v>4026190.98</v>
      </c>
    </row>
    <row r="58" spans="1:9" x14ac:dyDescent="0.25">
      <c r="A58" s="2" t="s">
        <v>109</v>
      </c>
      <c r="B58" s="4" t="s">
        <v>110</v>
      </c>
      <c r="C58" s="12">
        <v>1343600</v>
      </c>
      <c r="D58" s="12">
        <v>1605500</v>
      </c>
      <c r="E58" s="12">
        <v>776390</v>
      </c>
      <c r="F58" s="12">
        <v>48.36</v>
      </c>
      <c r="G58" s="12">
        <v>1400290</v>
      </c>
      <c r="H58" s="12">
        <v>87.22</v>
      </c>
      <c r="I58" s="12">
        <v>205210</v>
      </c>
    </row>
    <row r="59" spans="1:9" x14ac:dyDescent="0.25">
      <c r="A59" s="2" t="s">
        <v>111</v>
      </c>
      <c r="B59" s="4" t="s">
        <v>112</v>
      </c>
      <c r="C59" s="12">
        <v>3807400</v>
      </c>
      <c r="D59" s="12">
        <v>4644400</v>
      </c>
      <c r="E59" s="12">
        <v>12953.58</v>
      </c>
      <c r="F59" s="12">
        <v>0.28000000000000003</v>
      </c>
      <c r="G59" s="12">
        <v>823419.02</v>
      </c>
      <c r="H59" s="12">
        <v>17.73</v>
      </c>
      <c r="I59" s="12">
        <v>3820980.98</v>
      </c>
    </row>
    <row r="60" spans="1:9" x14ac:dyDescent="0.25">
      <c r="A60" s="2" t="s">
        <v>113</v>
      </c>
      <c r="B60" s="4" t="s">
        <v>114</v>
      </c>
      <c r="C60" s="12">
        <v>0</v>
      </c>
      <c r="D60" s="12">
        <v>0</v>
      </c>
      <c r="E60" s="12">
        <v>0</v>
      </c>
      <c r="F60" s="12">
        <v>0</v>
      </c>
      <c r="G60" s="12">
        <v>0</v>
      </c>
      <c r="H60" s="12">
        <v>0</v>
      </c>
      <c r="I60" s="12">
        <v>0</v>
      </c>
    </row>
    <row r="61" spans="1:9" x14ac:dyDescent="0.25">
      <c r="A61" s="2" t="s">
        <v>115</v>
      </c>
      <c r="B61" s="4" t="s">
        <v>116</v>
      </c>
      <c r="C61" s="12">
        <v>5209900</v>
      </c>
      <c r="D61" s="12">
        <v>6222000</v>
      </c>
      <c r="E61" s="12">
        <v>1622878.4</v>
      </c>
      <c r="F61" s="12">
        <v>26.08</v>
      </c>
      <c r="G61" s="12">
        <v>9030814.3200000003</v>
      </c>
      <c r="H61" s="12">
        <v>145.13999999999999</v>
      </c>
      <c r="I61" s="12">
        <v>-2808814.32</v>
      </c>
    </row>
    <row r="62" spans="1:9" x14ac:dyDescent="0.25">
      <c r="A62" s="3" t="s">
        <v>117</v>
      </c>
      <c r="B62" s="5" t="s">
        <v>118</v>
      </c>
      <c r="C62" s="11">
        <v>1008447800</v>
      </c>
      <c r="D62" s="11">
        <v>1058052782</v>
      </c>
      <c r="E62" s="11">
        <v>21736145.98</v>
      </c>
      <c r="F62" s="11">
        <v>2.0499999999999998</v>
      </c>
      <c r="G62" s="11">
        <v>82150674.730000004</v>
      </c>
      <c r="H62" s="11">
        <v>7.76</v>
      </c>
      <c r="I62" s="11">
        <v>975902107.26999998</v>
      </c>
    </row>
    <row r="63" spans="1:9" x14ac:dyDescent="0.25">
      <c r="A63" s="2" t="s">
        <v>119</v>
      </c>
      <c r="B63" s="4" t="s">
        <v>74</v>
      </c>
      <c r="C63" s="12">
        <v>362988600</v>
      </c>
      <c r="D63" s="12">
        <v>412593582</v>
      </c>
      <c r="E63" s="12">
        <v>18715661.489999998</v>
      </c>
      <c r="F63" s="12">
        <v>4.54</v>
      </c>
      <c r="G63" s="12">
        <v>64770826.789999999</v>
      </c>
      <c r="H63" s="12">
        <v>15.7</v>
      </c>
      <c r="I63" s="12">
        <v>347822755.20999998</v>
      </c>
    </row>
    <row r="64" spans="1:9" x14ac:dyDescent="0.25">
      <c r="A64" s="2" t="s">
        <v>120</v>
      </c>
      <c r="B64" s="4" t="s">
        <v>76</v>
      </c>
      <c r="C64" s="12">
        <v>1285600</v>
      </c>
      <c r="D64" s="12">
        <v>1285600</v>
      </c>
      <c r="E64" s="12">
        <v>3020484.49</v>
      </c>
      <c r="F64" s="12">
        <v>234.95</v>
      </c>
      <c r="G64" s="12">
        <v>17329847.940000001</v>
      </c>
      <c r="H64" s="12">
        <v>1348</v>
      </c>
      <c r="I64" s="12">
        <v>-16044247.939999999</v>
      </c>
    </row>
    <row r="65" spans="1:9" x14ac:dyDescent="0.25">
      <c r="A65" s="2" t="s">
        <v>121</v>
      </c>
      <c r="B65" s="4" t="s">
        <v>78</v>
      </c>
      <c r="C65" s="12">
        <v>8000</v>
      </c>
      <c r="D65" s="12">
        <v>8000</v>
      </c>
      <c r="E65" s="12">
        <v>0</v>
      </c>
      <c r="F65" s="12">
        <v>0</v>
      </c>
      <c r="G65" s="12">
        <v>0</v>
      </c>
      <c r="H65" s="12">
        <v>0</v>
      </c>
      <c r="I65" s="12">
        <v>8000</v>
      </c>
    </row>
    <row r="66" spans="1:9" x14ac:dyDescent="0.25">
      <c r="A66" s="2" t="s">
        <v>122</v>
      </c>
      <c r="B66" s="4" t="s">
        <v>80</v>
      </c>
      <c r="C66" s="12">
        <v>642644900</v>
      </c>
      <c r="D66" s="12">
        <v>642644900</v>
      </c>
      <c r="E66" s="12">
        <v>0</v>
      </c>
      <c r="F66" s="12">
        <v>0</v>
      </c>
      <c r="G66" s="12">
        <v>50000</v>
      </c>
      <c r="H66" s="12">
        <v>0.01</v>
      </c>
      <c r="I66" s="12">
        <v>642594900</v>
      </c>
    </row>
    <row r="67" spans="1:9" x14ac:dyDescent="0.25">
      <c r="A67" s="2" t="s">
        <v>123</v>
      </c>
      <c r="B67" s="4" t="s">
        <v>82</v>
      </c>
      <c r="C67" s="12">
        <v>0</v>
      </c>
      <c r="D67" s="12">
        <v>0</v>
      </c>
      <c r="E67" s="12">
        <v>0</v>
      </c>
      <c r="F67" s="12">
        <v>0</v>
      </c>
      <c r="G67" s="12">
        <v>0</v>
      </c>
      <c r="H67" s="12">
        <v>0</v>
      </c>
      <c r="I67" s="12">
        <v>0</v>
      </c>
    </row>
    <row r="68" spans="1:9" x14ac:dyDescent="0.25">
      <c r="A68" s="2" t="s">
        <v>124</v>
      </c>
      <c r="B68" s="4" t="s">
        <v>84</v>
      </c>
      <c r="C68" s="12">
        <v>1000000</v>
      </c>
      <c r="D68" s="12">
        <v>1000000</v>
      </c>
      <c r="E68" s="12">
        <v>0</v>
      </c>
      <c r="F68" s="12">
        <v>0</v>
      </c>
      <c r="G68" s="12">
        <v>0</v>
      </c>
      <c r="H68" s="12">
        <v>0</v>
      </c>
      <c r="I68" s="12">
        <v>1000000</v>
      </c>
    </row>
    <row r="69" spans="1:9" x14ac:dyDescent="0.25">
      <c r="A69" s="2" t="s">
        <v>125</v>
      </c>
      <c r="B69" s="4" t="s">
        <v>86</v>
      </c>
      <c r="C69" s="12">
        <v>520700</v>
      </c>
      <c r="D69" s="12">
        <v>520700</v>
      </c>
      <c r="E69" s="12">
        <v>0</v>
      </c>
      <c r="F69" s="12">
        <v>0</v>
      </c>
      <c r="G69" s="12">
        <v>0</v>
      </c>
      <c r="H69" s="12">
        <v>0</v>
      </c>
      <c r="I69" s="12">
        <v>520700</v>
      </c>
    </row>
    <row r="70" spans="1:9" x14ac:dyDescent="0.25">
      <c r="A70" s="2" t="s">
        <v>126</v>
      </c>
      <c r="B70" s="4" t="s">
        <v>88</v>
      </c>
      <c r="C70" s="12">
        <v>0</v>
      </c>
      <c r="D70" s="12">
        <v>0</v>
      </c>
      <c r="E70" s="12">
        <v>0</v>
      </c>
      <c r="F70" s="12">
        <v>0</v>
      </c>
      <c r="G70" s="12">
        <v>0</v>
      </c>
      <c r="H70" s="12">
        <v>0</v>
      </c>
      <c r="I70" s="12">
        <v>0</v>
      </c>
    </row>
    <row r="71" spans="1:9" x14ac:dyDescent="0.25">
      <c r="A71" s="3" t="s">
        <v>127</v>
      </c>
      <c r="B71" s="5" t="s">
        <v>128</v>
      </c>
      <c r="C71" s="11">
        <v>620217500</v>
      </c>
      <c r="D71" s="11">
        <v>620217500</v>
      </c>
      <c r="E71" s="11">
        <v>0</v>
      </c>
      <c r="F71" s="11">
        <v>0</v>
      </c>
      <c r="G71" s="11">
        <v>0</v>
      </c>
      <c r="H71" s="11">
        <v>0</v>
      </c>
      <c r="I71" s="11">
        <v>620217500</v>
      </c>
    </row>
    <row r="72" spans="1:9" x14ac:dyDescent="0.25">
      <c r="A72" s="2" t="s">
        <v>129</v>
      </c>
      <c r="B72" s="4" t="s">
        <v>130</v>
      </c>
      <c r="C72" s="12">
        <v>0</v>
      </c>
      <c r="D72" s="12">
        <v>0</v>
      </c>
      <c r="E72" s="12">
        <v>0</v>
      </c>
      <c r="F72" s="12">
        <v>0</v>
      </c>
      <c r="G72" s="12">
        <v>0</v>
      </c>
      <c r="H72" s="12">
        <v>0</v>
      </c>
      <c r="I72" s="12">
        <v>0</v>
      </c>
    </row>
    <row r="73" spans="1:9" x14ac:dyDescent="0.25">
      <c r="A73" s="2" t="s">
        <v>131</v>
      </c>
      <c r="B73" s="4" t="s">
        <v>132</v>
      </c>
      <c r="C73" s="12">
        <v>0</v>
      </c>
      <c r="D73" s="12">
        <v>0</v>
      </c>
      <c r="E73" s="12">
        <v>0</v>
      </c>
      <c r="F73" s="12">
        <v>0</v>
      </c>
      <c r="G73" s="12">
        <v>0</v>
      </c>
      <c r="H73" s="12">
        <v>0</v>
      </c>
      <c r="I73" s="12">
        <v>0</v>
      </c>
    </row>
    <row r="74" spans="1:9" x14ac:dyDescent="0.25">
      <c r="A74" s="2" t="s">
        <v>133</v>
      </c>
      <c r="B74" s="4" t="s">
        <v>134</v>
      </c>
      <c r="C74" s="12">
        <v>0</v>
      </c>
      <c r="D74" s="12">
        <v>0</v>
      </c>
      <c r="E74" s="12">
        <v>0</v>
      </c>
      <c r="F74" s="12">
        <v>0</v>
      </c>
      <c r="G74" s="12">
        <v>0</v>
      </c>
      <c r="H74" s="12">
        <v>0</v>
      </c>
      <c r="I74" s="12">
        <v>0</v>
      </c>
    </row>
    <row r="75" spans="1:9" x14ac:dyDescent="0.25">
      <c r="A75" s="2" t="s">
        <v>135</v>
      </c>
      <c r="B75" s="4" t="s">
        <v>136</v>
      </c>
      <c r="C75" s="12">
        <v>620217500</v>
      </c>
      <c r="D75" s="12">
        <v>620217500</v>
      </c>
      <c r="E75" s="12">
        <v>0</v>
      </c>
      <c r="F75" s="12">
        <v>0</v>
      </c>
      <c r="G75" s="12">
        <v>0</v>
      </c>
      <c r="H75" s="12">
        <v>0</v>
      </c>
      <c r="I75" s="12">
        <v>620217500</v>
      </c>
    </row>
    <row r="76" spans="1:9" x14ac:dyDescent="0.25">
      <c r="A76" s="2" t="s">
        <v>137</v>
      </c>
      <c r="B76" s="4" t="s">
        <v>138</v>
      </c>
      <c r="C76" s="12">
        <v>1383860500</v>
      </c>
      <c r="D76" s="12">
        <v>2567433014</v>
      </c>
      <c r="E76" s="12">
        <v>434646812.82999998</v>
      </c>
      <c r="F76" s="12">
        <v>16.93</v>
      </c>
      <c r="G76" s="12">
        <v>2246649290.1799998</v>
      </c>
      <c r="H76" s="12">
        <v>87.51</v>
      </c>
      <c r="I76" s="12">
        <v>320783723.81999999</v>
      </c>
    </row>
    <row r="77" spans="1:9" x14ac:dyDescent="0.25">
      <c r="A77" s="3" t="s">
        <v>139</v>
      </c>
      <c r="B77" s="5" t="s">
        <v>140</v>
      </c>
      <c r="C77" s="11">
        <v>15048000000</v>
      </c>
      <c r="D77" s="11">
        <v>16811708881</v>
      </c>
      <c r="E77" s="11">
        <v>2919414049.3699999</v>
      </c>
      <c r="F77" s="11">
        <v>17.37</v>
      </c>
      <c r="G77" s="11">
        <v>15118122501.08</v>
      </c>
      <c r="H77" s="11">
        <v>89.93</v>
      </c>
      <c r="I77" s="11">
        <v>1693586379.9200001</v>
      </c>
    </row>
    <row r="78" spans="1:9" x14ac:dyDescent="0.25">
      <c r="A78" s="3" t="s">
        <v>141</v>
      </c>
      <c r="B78" s="5" t="s">
        <v>142</v>
      </c>
      <c r="C78" s="11">
        <v>0</v>
      </c>
      <c r="D78" s="11">
        <v>0</v>
      </c>
      <c r="E78" s="11">
        <v>0</v>
      </c>
      <c r="F78" s="11">
        <v>0</v>
      </c>
      <c r="G78" s="11">
        <v>0</v>
      </c>
      <c r="H78" s="11">
        <v>0</v>
      </c>
      <c r="I78" s="11">
        <v>0</v>
      </c>
    </row>
    <row r="79" spans="1:9" x14ac:dyDescent="0.25">
      <c r="A79" s="3" t="s">
        <v>143</v>
      </c>
      <c r="B79" s="5" t="s">
        <v>144</v>
      </c>
      <c r="C79" s="11">
        <v>0</v>
      </c>
      <c r="D79" s="11">
        <v>0</v>
      </c>
      <c r="E79" s="11">
        <v>0</v>
      </c>
      <c r="F79" s="11">
        <v>0</v>
      </c>
      <c r="G79" s="11">
        <v>0</v>
      </c>
      <c r="H79" s="11">
        <v>0</v>
      </c>
      <c r="I79" s="11">
        <v>0</v>
      </c>
    </row>
    <row r="80" spans="1:9" x14ac:dyDescent="0.25">
      <c r="A80" s="2" t="s">
        <v>145</v>
      </c>
      <c r="B80" s="4" t="s">
        <v>146</v>
      </c>
      <c r="C80" s="12">
        <v>0</v>
      </c>
      <c r="D80" s="12">
        <v>0</v>
      </c>
      <c r="E80" s="12">
        <v>0</v>
      </c>
      <c r="F80" s="12">
        <v>0</v>
      </c>
      <c r="G80" s="12">
        <v>0</v>
      </c>
      <c r="H80" s="12">
        <v>0</v>
      </c>
      <c r="I80" s="12">
        <v>0</v>
      </c>
    </row>
    <row r="81" spans="1:12" x14ac:dyDescent="0.25">
      <c r="A81" s="2" t="s">
        <v>147</v>
      </c>
      <c r="B81" s="4" t="s">
        <v>148</v>
      </c>
      <c r="C81" s="12">
        <v>0</v>
      </c>
      <c r="D81" s="12">
        <v>0</v>
      </c>
      <c r="E81" s="12">
        <v>0</v>
      </c>
      <c r="F81" s="12">
        <v>0</v>
      </c>
      <c r="G81" s="12">
        <v>0</v>
      </c>
      <c r="H81" s="12">
        <v>0</v>
      </c>
      <c r="I81" s="12">
        <v>0</v>
      </c>
    </row>
    <row r="82" spans="1:12" x14ac:dyDescent="0.25">
      <c r="A82" s="3" t="s">
        <v>149</v>
      </c>
      <c r="B82" s="5" t="s">
        <v>150</v>
      </c>
      <c r="C82" s="11">
        <v>0</v>
      </c>
      <c r="D82" s="11">
        <v>0</v>
      </c>
      <c r="E82" s="11">
        <v>0</v>
      </c>
      <c r="F82" s="11">
        <v>0</v>
      </c>
      <c r="G82" s="11">
        <v>0</v>
      </c>
      <c r="H82" s="11">
        <v>0</v>
      </c>
      <c r="I82" s="11">
        <v>0</v>
      </c>
    </row>
    <row r="83" spans="1:12" x14ac:dyDescent="0.25">
      <c r="A83" s="2" t="s">
        <v>151</v>
      </c>
      <c r="B83" s="4" t="s">
        <v>146</v>
      </c>
      <c r="C83" s="12">
        <v>0</v>
      </c>
      <c r="D83" s="12">
        <v>0</v>
      </c>
      <c r="E83" s="12">
        <v>0</v>
      </c>
      <c r="F83" s="12">
        <v>0</v>
      </c>
      <c r="G83" s="12">
        <v>0</v>
      </c>
      <c r="H83" s="12">
        <v>0</v>
      </c>
      <c r="I83" s="12">
        <v>0</v>
      </c>
    </row>
    <row r="84" spans="1:12" x14ac:dyDescent="0.25">
      <c r="A84" s="2" t="s">
        <v>152</v>
      </c>
      <c r="B84" s="4" t="s">
        <v>148</v>
      </c>
      <c r="C84" s="12">
        <v>0</v>
      </c>
      <c r="D84" s="12">
        <v>0</v>
      </c>
      <c r="E84" s="12">
        <v>0</v>
      </c>
      <c r="F84" s="12">
        <v>0</v>
      </c>
      <c r="G84" s="12">
        <v>0</v>
      </c>
      <c r="H84" s="12">
        <v>0</v>
      </c>
      <c r="I84" s="12">
        <v>0</v>
      </c>
    </row>
    <row r="85" spans="1:12" x14ac:dyDescent="0.25">
      <c r="A85" s="3" t="s">
        <v>153</v>
      </c>
      <c r="B85" s="5" t="s">
        <v>154</v>
      </c>
      <c r="C85" s="11">
        <v>15048000000</v>
      </c>
      <c r="D85" s="11">
        <v>16811708881</v>
      </c>
      <c r="E85" s="11">
        <v>2919414049.3699999</v>
      </c>
      <c r="F85" s="11">
        <v>17.37</v>
      </c>
      <c r="G85" s="11">
        <v>15118122501.08</v>
      </c>
      <c r="H85" s="11">
        <v>89.93</v>
      </c>
      <c r="I85" s="11">
        <v>1693586379.9200001</v>
      </c>
    </row>
    <row r="86" spans="1:12" x14ac:dyDescent="0.25">
      <c r="A86" s="2" t="s">
        <v>155</v>
      </c>
      <c r="B86" s="4" t="s">
        <v>156</v>
      </c>
      <c r="C86" s="12">
        <v>0</v>
      </c>
      <c r="D86" s="12">
        <v>0</v>
      </c>
      <c r="E86" s="12">
        <v>0</v>
      </c>
      <c r="F86" s="12">
        <v>0</v>
      </c>
      <c r="G86" s="12">
        <v>0</v>
      </c>
      <c r="H86" s="12">
        <v>0</v>
      </c>
      <c r="I86" s="12">
        <v>0</v>
      </c>
    </row>
    <row r="87" spans="1:12" x14ac:dyDescent="0.25">
      <c r="A87" s="3" t="s">
        <v>157</v>
      </c>
      <c r="B87" s="5" t="s">
        <v>158</v>
      </c>
      <c r="C87" s="11">
        <v>15048000000</v>
      </c>
      <c r="D87" s="11">
        <v>16811708881</v>
      </c>
      <c r="E87" s="11">
        <v>2919414049.3699999</v>
      </c>
      <c r="F87" s="11">
        <v>17.37</v>
      </c>
      <c r="G87" s="11">
        <v>15118122501.08</v>
      </c>
      <c r="H87" s="11">
        <v>89.93</v>
      </c>
      <c r="I87" s="11">
        <v>1693586379.9200001</v>
      </c>
    </row>
    <row r="88" spans="1:12" x14ac:dyDescent="0.25">
      <c r="A88" s="3" t="s">
        <v>159</v>
      </c>
      <c r="B88" s="5" t="s">
        <v>160</v>
      </c>
      <c r="C88" s="11">
        <v>0</v>
      </c>
      <c r="D88" s="11">
        <v>105494050.52</v>
      </c>
      <c r="E88" s="11">
        <v>0</v>
      </c>
      <c r="F88" s="11">
        <v>0</v>
      </c>
      <c r="G88" s="11">
        <v>105494050.52</v>
      </c>
      <c r="H88" s="11">
        <v>100</v>
      </c>
      <c r="I88" s="11">
        <v>0</v>
      </c>
    </row>
    <row r="89" spans="1:12" x14ac:dyDescent="0.25">
      <c r="A89" s="2" t="s">
        <v>161</v>
      </c>
      <c r="B89" s="4" t="s">
        <v>162</v>
      </c>
      <c r="C89" s="12">
        <v>0</v>
      </c>
      <c r="D89" s="12">
        <v>0</v>
      </c>
      <c r="E89" s="12">
        <v>0</v>
      </c>
      <c r="F89" s="12">
        <v>0</v>
      </c>
      <c r="G89" s="12">
        <v>0</v>
      </c>
      <c r="H89" s="12">
        <v>0</v>
      </c>
      <c r="I89" s="12">
        <v>0</v>
      </c>
    </row>
    <row r="90" spans="1:12" x14ac:dyDescent="0.25">
      <c r="A90" s="2" t="s">
        <v>163</v>
      </c>
      <c r="B90" s="4" t="s">
        <v>164</v>
      </c>
      <c r="C90" s="12">
        <v>0</v>
      </c>
      <c r="D90" s="12">
        <v>105494050.52</v>
      </c>
      <c r="E90" s="12">
        <v>0</v>
      </c>
      <c r="F90" s="12">
        <v>0</v>
      </c>
      <c r="G90" s="12">
        <v>105494050.52</v>
      </c>
      <c r="H90" s="12">
        <v>100</v>
      </c>
      <c r="I90" s="12">
        <v>0</v>
      </c>
    </row>
    <row r="92" spans="1:12" x14ac:dyDescent="0.25">
      <c r="A92" s="10" t="s">
        <v>6</v>
      </c>
      <c r="B92" s="10" t="s">
        <v>165</v>
      </c>
      <c r="C92" s="10" t="s">
        <v>166</v>
      </c>
      <c r="D92" s="10" t="s">
        <v>167</v>
      </c>
      <c r="E92" s="10" t="s">
        <v>168</v>
      </c>
      <c r="F92" s="10" t="s">
        <v>7</v>
      </c>
      <c r="G92" s="10" t="s">
        <v>171</v>
      </c>
      <c r="H92" s="10" t="s">
        <v>172</v>
      </c>
      <c r="I92" s="10" t="s">
        <v>7</v>
      </c>
      <c r="J92" s="10" t="s">
        <v>175</v>
      </c>
      <c r="K92" s="10" t="s">
        <v>176</v>
      </c>
      <c r="L92" s="10" t="s">
        <v>177</v>
      </c>
    </row>
    <row r="93" spans="1:12" ht="21" x14ac:dyDescent="0.25">
      <c r="A93" s="10" t="s">
        <v>7</v>
      </c>
      <c r="B93" s="10" t="s">
        <v>7</v>
      </c>
      <c r="C93" s="10" t="s">
        <v>7</v>
      </c>
      <c r="D93" s="10" t="s">
        <v>7</v>
      </c>
      <c r="E93" s="1" t="s">
        <v>169</v>
      </c>
      <c r="F93" s="1" t="s">
        <v>170</v>
      </c>
      <c r="G93" s="10" t="s">
        <v>7</v>
      </c>
      <c r="H93" s="1" t="s">
        <v>173</v>
      </c>
      <c r="I93" s="1" t="s">
        <v>174</v>
      </c>
      <c r="J93" s="10" t="s">
        <v>7</v>
      </c>
      <c r="K93" s="10" t="s">
        <v>7</v>
      </c>
      <c r="L93" s="10" t="s">
        <v>7</v>
      </c>
    </row>
    <row r="94" spans="1:12" x14ac:dyDescent="0.25">
      <c r="A94" s="3" t="s">
        <v>178</v>
      </c>
      <c r="B94" s="5" t="s">
        <v>179</v>
      </c>
      <c r="C94" s="11">
        <v>13661139500</v>
      </c>
      <c r="D94" s="11">
        <v>14506306060.66</v>
      </c>
      <c r="E94" s="11">
        <v>1681844945.3800001</v>
      </c>
      <c r="F94" s="11">
        <v>12739638950.74</v>
      </c>
      <c r="G94" s="11">
        <v>1766667109.9200001</v>
      </c>
      <c r="H94" s="11">
        <v>2199539318.73</v>
      </c>
      <c r="I94" s="11">
        <v>12394592566.309999</v>
      </c>
      <c r="J94" s="11">
        <v>2111713494.3499999</v>
      </c>
      <c r="K94" s="11">
        <v>12101876966.74</v>
      </c>
      <c r="L94" s="11">
        <v>345046384.43000001</v>
      </c>
    </row>
    <row r="95" spans="1:12" x14ac:dyDescent="0.25">
      <c r="A95" s="3" t="s">
        <v>180</v>
      </c>
      <c r="B95" s="5" t="s">
        <v>181</v>
      </c>
      <c r="C95" s="11">
        <v>11860099100</v>
      </c>
      <c r="D95" s="11">
        <v>12637980775.32</v>
      </c>
      <c r="E95" s="11">
        <v>1616530973.9300001</v>
      </c>
      <c r="F95" s="11">
        <v>11438586919.98</v>
      </c>
      <c r="G95" s="11">
        <v>1199393855.3399999</v>
      </c>
      <c r="H95" s="11">
        <v>1958315107.1400001</v>
      </c>
      <c r="I95" s="11">
        <v>11250053368.969999</v>
      </c>
      <c r="J95" s="11">
        <v>1387927406.3499999</v>
      </c>
      <c r="K95" s="11">
        <v>10961185581.309999</v>
      </c>
      <c r="L95" s="11">
        <v>188533551.00999999</v>
      </c>
    </row>
    <row r="96" spans="1:12" x14ac:dyDescent="0.25">
      <c r="A96" s="2" t="s">
        <v>182</v>
      </c>
      <c r="B96" s="4" t="s">
        <v>183</v>
      </c>
      <c r="C96" s="12">
        <v>7644650500</v>
      </c>
      <c r="D96" s="12">
        <v>8662181770.9300003</v>
      </c>
      <c r="E96" s="12">
        <v>1179518091.6400001</v>
      </c>
      <c r="F96" s="12">
        <v>8199491958.4899998</v>
      </c>
      <c r="G96" s="12">
        <v>462689812.44</v>
      </c>
      <c r="H96" s="12">
        <v>1412974204.4100001</v>
      </c>
      <c r="I96" s="12">
        <v>8197434994.8699999</v>
      </c>
      <c r="J96" s="12">
        <v>464746776.06</v>
      </c>
      <c r="K96" s="12">
        <v>8018748522.3100004</v>
      </c>
      <c r="L96" s="12">
        <v>2056963.62</v>
      </c>
    </row>
    <row r="97" spans="1:12" x14ac:dyDescent="0.25">
      <c r="A97" s="2" t="s">
        <v>184</v>
      </c>
      <c r="B97" s="4" t="s">
        <v>185</v>
      </c>
      <c r="C97" s="12">
        <v>469230800</v>
      </c>
      <c r="D97" s="12">
        <v>364049662</v>
      </c>
      <c r="E97" s="12">
        <v>55807817.899999999</v>
      </c>
      <c r="F97" s="12">
        <v>356839296.10000002</v>
      </c>
      <c r="G97" s="12">
        <v>7210365.9000000004</v>
      </c>
      <c r="H97" s="12">
        <v>56216282.530000001</v>
      </c>
      <c r="I97" s="12">
        <v>356839296.10000002</v>
      </c>
      <c r="J97" s="12">
        <v>7210365.9000000004</v>
      </c>
      <c r="K97" s="12">
        <v>356839296.10000002</v>
      </c>
      <c r="L97" s="12">
        <v>0</v>
      </c>
    </row>
    <row r="98" spans="1:12" x14ac:dyDescent="0.25">
      <c r="A98" s="3" t="s">
        <v>186</v>
      </c>
      <c r="B98" s="5" t="s">
        <v>187</v>
      </c>
      <c r="C98" s="11">
        <v>3746217800</v>
      </c>
      <c r="D98" s="11">
        <v>3611749342.3899999</v>
      </c>
      <c r="E98" s="11">
        <v>381205064.38999999</v>
      </c>
      <c r="F98" s="11">
        <v>2882255665.3899999</v>
      </c>
      <c r="G98" s="11">
        <v>729493677</v>
      </c>
      <c r="H98" s="11">
        <v>489124620.19999999</v>
      </c>
      <c r="I98" s="11">
        <v>2695779078</v>
      </c>
      <c r="J98" s="11">
        <v>915970264.38999999</v>
      </c>
      <c r="K98" s="11">
        <v>2585597762.9000001</v>
      </c>
      <c r="L98" s="11">
        <v>186476587.38999999</v>
      </c>
    </row>
    <row r="99" spans="1:12" x14ac:dyDescent="0.25">
      <c r="A99" s="2" t="s">
        <v>188</v>
      </c>
      <c r="B99" s="4" t="s">
        <v>189</v>
      </c>
      <c r="C99" s="12">
        <v>168000000</v>
      </c>
      <c r="D99" s="12">
        <v>168000000</v>
      </c>
      <c r="E99" s="12">
        <v>14000000</v>
      </c>
      <c r="F99" s="12">
        <v>168000000</v>
      </c>
      <c r="G99" s="12">
        <v>0</v>
      </c>
      <c r="H99" s="12">
        <v>14000000</v>
      </c>
      <c r="I99" s="12">
        <v>168000000</v>
      </c>
      <c r="J99" s="12">
        <v>0</v>
      </c>
      <c r="K99" s="12">
        <v>168000000</v>
      </c>
      <c r="L99" s="12">
        <v>0</v>
      </c>
    </row>
    <row r="100" spans="1:12" x14ac:dyDescent="0.25">
      <c r="A100" s="2" t="s">
        <v>190</v>
      </c>
      <c r="B100" s="4" t="s">
        <v>191</v>
      </c>
      <c r="C100" s="12">
        <v>3578217800</v>
      </c>
      <c r="D100" s="12">
        <v>3443749342.3899999</v>
      </c>
      <c r="E100" s="12">
        <v>367205064.38999999</v>
      </c>
      <c r="F100" s="12">
        <v>2714255665.3899999</v>
      </c>
      <c r="G100" s="12">
        <v>729493677</v>
      </c>
      <c r="H100" s="12">
        <v>475124620.19999999</v>
      </c>
      <c r="I100" s="12">
        <v>2527779078</v>
      </c>
      <c r="J100" s="12">
        <v>915970264.38999999</v>
      </c>
      <c r="K100" s="12">
        <v>2417597762.9000001</v>
      </c>
      <c r="L100" s="12">
        <v>186476587.38999999</v>
      </c>
    </row>
    <row r="101" spans="1:12" x14ac:dyDescent="0.25">
      <c r="A101" s="3" t="s">
        <v>192</v>
      </c>
      <c r="B101" s="5" t="s">
        <v>193</v>
      </c>
      <c r="C101" s="11">
        <v>1674601000</v>
      </c>
      <c r="D101" s="11">
        <v>1868325285.3399999</v>
      </c>
      <c r="E101" s="11">
        <v>65313971.450000003</v>
      </c>
      <c r="F101" s="11">
        <v>1301052030.76</v>
      </c>
      <c r="G101" s="11">
        <v>567273254.58000004</v>
      </c>
      <c r="H101" s="11">
        <v>241224211.59</v>
      </c>
      <c r="I101" s="11">
        <v>1144539197.3399999</v>
      </c>
      <c r="J101" s="11">
        <v>723786088</v>
      </c>
      <c r="K101" s="11">
        <v>1140691385.4300001</v>
      </c>
      <c r="L101" s="11">
        <v>156512833.41999999</v>
      </c>
    </row>
    <row r="102" spans="1:12" x14ac:dyDescent="0.25">
      <c r="A102" s="2" t="s">
        <v>194</v>
      </c>
      <c r="B102" s="4" t="s">
        <v>195</v>
      </c>
      <c r="C102" s="12">
        <v>1346694200</v>
      </c>
      <c r="D102" s="12">
        <v>1622565813</v>
      </c>
      <c r="E102" s="12">
        <v>28701812.420000002</v>
      </c>
      <c r="F102" s="12">
        <v>1068213335.76</v>
      </c>
      <c r="G102" s="12">
        <v>554352477.24000001</v>
      </c>
      <c r="H102" s="12">
        <v>197644596.41</v>
      </c>
      <c r="I102" s="12">
        <v>911700502.34000003</v>
      </c>
      <c r="J102" s="12">
        <v>710865310.65999997</v>
      </c>
      <c r="K102" s="12">
        <v>907852690.42999995</v>
      </c>
      <c r="L102" s="12">
        <v>156512833.41999999</v>
      </c>
    </row>
    <row r="103" spans="1:12" x14ac:dyDescent="0.25">
      <c r="A103" s="2" t="s">
        <v>196</v>
      </c>
      <c r="B103" s="4" t="s">
        <v>197</v>
      </c>
      <c r="C103" s="12">
        <v>2707800</v>
      </c>
      <c r="D103" s="12">
        <v>7979349</v>
      </c>
      <c r="E103" s="12">
        <v>-6785330.2300000004</v>
      </c>
      <c r="F103" s="12">
        <v>0</v>
      </c>
      <c r="G103" s="12">
        <v>7979349</v>
      </c>
      <c r="H103" s="12">
        <v>0</v>
      </c>
      <c r="I103" s="12">
        <v>0</v>
      </c>
      <c r="J103" s="12">
        <v>7979349</v>
      </c>
      <c r="K103" s="12">
        <v>0</v>
      </c>
      <c r="L103" s="12">
        <v>0</v>
      </c>
    </row>
    <row r="104" spans="1:12" x14ac:dyDescent="0.25">
      <c r="A104" s="2" t="s">
        <v>198</v>
      </c>
      <c r="B104" s="4" t="s">
        <v>199</v>
      </c>
      <c r="C104" s="12">
        <v>325199000</v>
      </c>
      <c r="D104" s="12">
        <v>237780123.34</v>
      </c>
      <c r="E104" s="12">
        <v>43397489.259999998</v>
      </c>
      <c r="F104" s="12">
        <v>232838695</v>
      </c>
      <c r="G104" s="12">
        <v>4941428.34</v>
      </c>
      <c r="H104" s="12">
        <v>43579615.18</v>
      </c>
      <c r="I104" s="12">
        <v>232838695</v>
      </c>
      <c r="J104" s="12">
        <v>4941428.34</v>
      </c>
      <c r="K104" s="12">
        <v>232838695</v>
      </c>
      <c r="L104" s="12">
        <v>0</v>
      </c>
    </row>
    <row r="105" spans="1:12" x14ac:dyDescent="0.25">
      <c r="A105" s="2" t="s">
        <v>200</v>
      </c>
      <c r="B105" s="4" t="s">
        <v>201</v>
      </c>
      <c r="C105" s="12">
        <v>126439400</v>
      </c>
      <c r="D105" s="12">
        <v>0</v>
      </c>
      <c r="E105" s="12">
        <v>0</v>
      </c>
      <c r="F105" s="12">
        <v>0</v>
      </c>
      <c r="G105" s="12">
        <v>0</v>
      </c>
      <c r="H105" s="12">
        <v>0</v>
      </c>
      <c r="I105" s="12">
        <v>0</v>
      </c>
      <c r="J105" s="12">
        <v>0</v>
      </c>
      <c r="K105" s="12">
        <v>0</v>
      </c>
      <c r="L105" s="12">
        <v>0</v>
      </c>
    </row>
    <row r="106" spans="1:12" x14ac:dyDescent="0.25">
      <c r="A106" s="2" t="s">
        <v>202</v>
      </c>
      <c r="B106" s="4" t="s">
        <v>203</v>
      </c>
      <c r="C106" s="12">
        <v>1386860500</v>
      </c>
      <c r="D106" s="12">
        <v>2420770734.8600001</v>
      </c>
      <c r="E106" s="12">
        <v>425801218.58999997</v>
      </c>
      <c r="F106" s="12">
        <v>2326652324.3600001</v>
      </c>
      <c r="G106" s="12">
        <v>94118410.5</v>
      </c>
      <c r="H106" s="12">
        <v>464422440.08999997</v>
      </c>
      <c r="I106" s="12">
        <v>2326648104.3600001</v>
      </c>
      <c r="J106" s="12">
        <v>94122630.5</v>
      </c>
      <c r="K106" s="12">
        <v>2173341418.5900002</v>
      </c>
      <c r="L106" s="12">
        <v>4220</v>
      </c>
    </row>
    <row r="107" spans="1:12" x14ac:dyDescent="0.25">
      <c r="A107" s="3" t="s">
        <v>204</v>
      </c>
      <c r="B107" s="5" t="s">
        <v>205</v>
      </c>
      <c r="C107" s="11">
        <v>15048000000</v>
      </c>
      <c r="D107" s="11">
        <v>16927076795.52</v>
      </c>
      <c r="E107" s="11">
        <v>2107646163.97</v>
      </c>
      <c r="F107" s="11">
        <v>15066291275.1</v>
      </c>
      <c r="G107" s="11">
        <v>1860785520.4200001</v>
      </c>
      <c r="H107" s="11">
        <v>2663961758.8200002</v>
      </c>
      <c r="I107" s="11">
        <v>14721240670.67</v>
      </c>
      <c r="J107" s="11">
        <v>2205836124.8499999</v>
      </c>
      <c r="K107" s="11">
        <v>14275218385.33</v>
      </c>
      <c r="L107" s="11">
        <v>345050604.43000001</v>
      </c>
    </row>
    <row r="108" spans="1:12" x14ac:dyDescent="0.25">
      <c r="A108" s="3" t="s">
        <v>206</v>
      </c>
      <c r="B108" s="5" t="s">
        <v>207</v>
      </c>
      <c r="C108" s="11">
        <v>0</v>
      </c>
      <c r="D108" s="11">
        <v>0</v>
      </c>
      <c r="E108" s="11">
        <v>0</v>
      </c>
      <c r="F108" s="11">
        <v>0</v>
      </c>
      <c r="G108" s="11">
        <v>0</v>
      </c>
      <c r="H108" s="11">
        <v>0</v>
      </c>
      <c r="I108" s="11">
        <v>0</v>
      </c>
      <c r="J108" s="11">
        <v>0</v>
      </c>
      <c r="K108" s="11">
        <v>0</v>
      </c>
      <c r="L108" s="11">
        <v>0</v>
      </c>
    </row>
    <row r="109" spans="1:12" x14ac:dyDescent="0.25">
      <c r="A109" s="3" t="s">
        <v>208</v>
      </c>
      <c r="B109" s="5" t="s">
        <v>209</v>
      </c>
      <c r="C109" s="11">
        <v>0</v>
      </c>
      <c r="D109" s="11">
        <v>0</v>
      </c>
      <c r="E109" s="11">
        <v>0</v>
      </c>
      <c r="F109" s="11">
        <v>0</v>
      </c>
      <c r="G109" s="11">
        <v>0</v>
      </c>
      <c r="H109" s="11">
        <v>0</v>
      </c>
      <c r="I109" s="11">
        <v>0</v>
      </c>
      <c r="J109" s="11">
        <v>0</v>
      </c>
      <c r="K109" s="11">
        <v>0</v>
      </c>
      <c r="L109" s="11">
        <v>0</v>
      </c>
    </row>
    <row r="110" spans="1:12" x14ac:dyDescent="0.25">
      <c r="A110" s="2" t="s">
        <v>210</v>
      </c>
      <c r="B110" s="4" t="s">
        <v>211</v>
      </c>
      <c r="C110" s="12">
        <v>0</v>
      </c>
      <c r="D110" s="12">
        <v>0</v>
      </c>
      <c r="E110" s="12">
        <v>0</v>
      </c>
      <c r="F110" s="12">
        <v>0</v>
      </c>
      <c r="G110" s="12">
        <v>0</v>
      </c>
      <c r="H110" s="12">
        <v>0</v>
      </c>
      <c r="I110" s="12">
        <v>0</v>
      </c>
      <c r="J110" s="12">
        <v>0</v>
      </c>
      <c r="K110" s="12">
        <v>0</v>
      </c>
      <c r="L110" s="12">
        <v>0</v>
      </c>
    </row>
    <row r="111" spans="1:12" x14ac:dyDescent="0.25">
      <c r="A111" s="2" t="s">
        <v>212</v>
      </c>
      <c r="B111" s="4" t="s">
        <v>213</v>
      </c>
      <c r="C111" s="12">
        <v>0</v>
      </c>
      <c r="D111" s="12">
        <v>0</v>
      </c>
      <c r="E111" s="12">
        <v>0</v>
      </c>
      <c r="F111" s="12">
        <v>0</v>
      </c>
      <c r="G111" s="12">
        <v>0</v>
      </c>
      <c r="H111" s="12">
        <v>0</v>
      </c>
      <c r="I111" s="12">
        <v>0</v>
      </c>
      <c r="J111" s="12">
        <v>0</v>
      </c>
      <c r="K111" s="12">
        <v>0</v>
      </c>
      <c r="L111" s="12">
        <v>0</v>
      </c>
    </row>
    <row r="112" spans="1:12" x14ac:dyDescent="0.25">
      <c r="A112" s="3" t="s">
        <v>214</v>
      </c>
      <c r="B112" s="5" t="s">
        <v>215</v>
      </c>
      <c r="C112" s="11">
        <v>0</v>
      </c>
      <c r="D112" s="11">
        <v>0</v>
      </c>
      <c r="E112" s="11">
        <v>0</v>
      </c>
      <c r="F112" s="11">
        <v>0</v>
      </c>
      <c r="G112" s="11">
        <v>0</v>
      </c>
      <c r="H112" s="11">
        <v>0</v>
      </c>
      <c r="I112" s="11">
        <v>0</v>
      </c>
      <c r="J112" s="11">
        <v>0</v>
      </c>
      <c r="K112" s="11">
        <v>0</v>
      </c>
      <c r="L112" s="11">
        <v>0</v>
      </c>
    </row>
    <row r="113" spans="1:12" x14ac:dyDescent="0.25">
      <c r="A113" s="2" t="s">
        <v>216</v>
      </c>
      <c r="B113" s="4" t="s">
        <v>211</v>
      </c>
      <c r="C113" s="12">
        <v>0</v>
      </c>
      <c r="D113" s="12">
        <v>0</v>
      </c>
      <c r="E113" s="12">
        <v>0</v>
      </c>
      <c r="F113" s="12">
        <v>0</v>
      </c>
      <c r="G113" s="12">
        <v>0</v>
      </c>
      <c r="H113" s="12">
        <v>0</v>
      </c>
      <c r="I113" s="12">
        <v>0</v>
      </c>
      <c r="J113" s="12">
        <v>0</v>
      </c>
      <c r="K113" s="12">
        <v>0</v>
      </c>
      <c r="L113" s="12">
        <v>0</v>
      </c>
    </row>
    <row r="114" spans="1:12" x14ac:dyDescent="0.25">
      <c r="A114" s="2" t="s">
        <v>217</v>
      </c>
      <c r="B114" s="4" t="s">
        <v>213</v>
      </c>
      <c r="C114" s="12">
        <v>0</v>
      </c>
      <c r="D114" s="12">
        <v>0</v>
      </c>
      <c r="E114" s="12">
        <v>0</v>
      </c>
      <c r="F114" s="12">
        <v>0</v>
      </c>
      <c r="G114" s="12">
        <v>0</v>
      </c>
      <c r="H114" s="12">
        <v>0</v>
      </c>
      <c r="I114" s="12">
        <v>0</v>
      </c>
      <c r="J114" s="12">
        <v>0</v>
      </c>
      <c r="K114" s="12">
        <v>0</v>
      </c>
      <c r="L114" s="12">
        <v>0</v>
      </c>
    </row>
    <row r="115" spans="1:12" x14ac:dyDescent="0.25">
      <c r="A115" s="3" t="s">
        <v>218</v>
      </c>
      <c r="B115" s="5" t="s">
        <v>219</v>
      </c>
      <c r="C115" s="11">
        <v>15048000000</v>
      </c>
      <c r="D115" s="11">
        <v>16927076795.52</v>
      </c>
      <c r="E115" s="11">
        <v>2107646163.97</v>
      </c>
      <c r="F115" s="11">
        <v>15066291275.1</v>
      </c>
      <c r="G115" s="11">
        <v>1860785520.4200001</v>
      </c>
      <c r="H115" s="11">
        <v>2663961758.8200002</v>
      </c>
      <c r="I115" s="11">
        <v>14721240670.67</v>
      </c>
      <c r="J115" s="11">
        <v>2205836124.8499999</v>
      </c>
      <c r="K115" s="11">
        <v>14275218385.33</v>
      </c>
      <c r="L115" s="11">
        <v>345050604.43000001</v>
      </c>
    </row>
    <row r="116" spans="1:12" x14ac:dyDescent="0.25">
      <c r="A116" s="2" t="s">
        <v>220</v>
      </c>
      <c r="B116" s="4" t="s">
        <v>221</v>
      </c>
      <c r="C116" s="12">
        <v>0</v>
      </c>
      <c r="D116" s="12">
        <v>0</v>
      </c>
      <c r="E116" s="12">
        <v>0</v>
      </c>
      <c r="F116" s="12">
        <v>51831225.979999997</v>
      </c>
      <c r="G116" s="12">
        <v>0</v>
      </c>
      <c r="H116" s="12">
        <v>0</v>
      </c>
      <c r="I116" s="12">
        <v>396881830.41000003</v>
      </c>
      <c r="J116" s="12">
        <v>0</v>
      </c>
      <c r="K116" s="12">
        <v>842904115.75</v>
      </c>
      <c r="L116" s="12">
        <v>-345050604.43000001</v>
      </c>
    </row>
    <row r="117" spans="1:12" x14ac:dyDescent="0.25">
      <c r="A117" s="3" t="s">
        <v>222</v>
      </c>
      <c r="B117" s="5" t="s">
        <v>223</v>
      </c>
      <c r="C117" s="11">
        <v>15048000000</v>
      </c>
      <c r="D117" s="11">
        <v>16927076795.52</v>
      </c>
      <c r="E117" s="11">
        <v>2107646163.97</v>
      </c>
      <c r="F117" s="11">
        <v>15118122501.08</v>
      </c>
      <c r="G117" s="11">
        <v>1860785520.4200001</v>
      </c>
      <c r="H117" s="11">
        <v>2663961758.8200002</v>
      </c>
      <c r="I117" s="11">
        <v>15118122501.08</v>
      </c>
      <c r="J117" s="11">
        <v>2205836124.8499999</v>
      </c>
      <c r="K117" s="11">
        <v>15118122501.08</v>
      </c>
      <c r="L117" s="11">
        <v>0</v>
      </c>
    </row>
    <row r="118" spans="1:12" x14ac:dyDescent="0.25">
      <c r="A118" s="2" t="s">
        <v>224</v>
      </c>
      <c r="B118" s="4" t="s">
        <v>225</v>
      </c>
      <c r="C118" s="12">
        <v>0</v>
      </c>
      <c r="D118" s="12">
        <v>0</v>
      </c>
      <c r="E118" s="12">
        <v>0</v>
      </c>
      <c r="F118" s="12">
        <v>0</v>
      </c>
      <c r="G118" s="12">
        <v>0</v>
      </c>
      <c r="H118" s="12">
        <v>0</v>
      </c>
      <c r="I118" s="12">
        <v>0</v>
      </c>
      <c r="J118" s="12">
        <v>0</v>
      </c>
      <c r="K118" s="12">
        <v>0</v>
      </c>
      <c r="L118" s="12">
        <v>0</v>
      </c>
    </row>
    <row r="120" spans="1:12" x14ac:dyDescent="0.25">
      <c r="A120" s="10" t="s">
        <v>6</v>
      </c>
      <c r="B120" s="10" t="s">
        <v>226</v>
      </c>
      <c r="C120" s="10" t="s">
        <v>9</v>
      </c>
      <c r="D120" s="10" t="s">
        <v>10</v>
      </c>
      <c r="E120" s="10" t="s">
        <v>11</v>
      </c>
      <c r="F120" s="10" t="s">
        <v>7</v>
      </c>
      <c r="G120" s="10" t="s">
        <v>7</v>
      </c>
      <c r="H120" s="10" t="s">
        <v>7</v>
      </c>
      <c r="I120" s="10" t="s">
        <v>16</v>
      </c>
    </row>
    <row r="121" spans="1:12" ht="21" x14ac:dyDescent="0.25">
      <c r="A121" s="10" t="s">
        <v>7</v>
      </c>
      <c r="B121" s="10" t="s">
        <v>7</v>
      </c>
      <c r="C121" s="10" t="s">
        <v>7</v>
      </c>
      <c r="D121" s="10" t="s">
        <v>7</v>
      </c>
      <c r="E121" s="1" t="s">
        <v>12</v>
      </c>
      <c r="F121" s="1" t="s">
        <v>13</v>
      </c>
      <c r="G121" s="1" t="s">
        <v>14</v>
      </c>
      <c r="H121" s="1" t="s">
        <v>15</v>
      </c>
      <c r="I121" s="10" t="s">
        <v>7</v>
      </c>
    </row>
    <row r="122" spans="1:12" x14ac:dyDescent="0.25">
      <c r="A122" s="3" t="s">
        <v>227</v>
      </c>
      <c r="B122" s="5" t="s">
        <v>228</v>
      </c>
      <c r="C122" s="11">
        <v>1383860500</v>
      </c>
      <c r="D122" s="11">
        <v>2567433014</v>
      </c>
      <c r="E122" s="11">
        <v>434646812.82999998</v>
      </c>
      <c r="F122" s="11">
        <v>16.93</v>
      </c>
      <c r="G122" s="11">
        <v>2246649290.1799998</v>
      </c>
      <c r="H122" s="11">
        <v>87.51</v>
      </c>
      <c r="I122" s="11">
        <v>320783723.81999999</v>
      </c>
    </row>
    <row r="123" spans="1:12" x14ac:dyDescent="0.25">
      <c r="A123" s="3" t="s">
        <v>229</v>
      </c>
      <c r="B123" s="5" t="s">
        <v>230</v>
      </c>
      <c r="C123" s="11">
        <v>1383860500</v>
      </c>
      <c r="D123" s="11">
        <v>2567433014</v>
      </c>
      <c r="E123" s="11">
        <v>434646812.82999998</v>
      </c>
      <c r="F123" s="11">
        <v>16.93</v>
      </c>
      <c r="G123" s="11">
        <v>2246649290.1799998</v>
      </c>
      <c r="H123" s="11">
        <v>87.51</v>
      </c>
      <c r="I123" s="11">
        <v>320783723.81999999</v>
      </c>
    </row>
    <row r="124" spans="1:12" x14ac:dyDescent="0.25">
      <c r="A124" s="3" t="s">
        <v>231</v>
      </c>
      <c r="B124" s="5" t="s">
        <v>232</v>
      </c>
      <c r="C124" s="11">
        <v>0</v>
      </c>
      <c r="D124" s="11">
        <v>0</v>
      </c>
      <c r="E124" s="11">
        <v>0</v>
      </c>
      <c r="F124" s="11">
        <v>0</v>
      </c>
      <c r="G124" s="11">
        <v>0</v>
      </c>
      <c r="H124" s="11">
        <v>0</v>
      </c>
      <c r="I124" s="11">
        <v>0</v>
      </c>
    </row>
    <row r="125" spans="1:12" x14ac:dyDescent="0.25">
      <c r="A125" s="2" t="s">
        <v>233</v>
      </c>
      <c r="B125" s="4" t="s">
        <v>234</v>
      </c>
      <c r="C125" s="12">
        <v>0</v>
      </c>
      <c r="D125" s="12">
        <v>0</v>
      </c>
      <c r="E125" s="12">
        <v>0</v>
      </c>
      <c r="F125" s="12">
        <v>0</v>
      </c>
      <c r="G125" s="12">
        <v>0</v>
      </c>
      <c r="H125" s="12">
        <v>0</v>
      </c>
      <c r="I125" s="12">
        <v>0</v>
      </c>
    </row>
    <row r="126" spans="1:12" x14ac:dyDescent="0.25">
      <c r="A126" s="2" t="s">
        <v>235</v>
      </c>
      <c r="B126" s="4" t="s">
        <v>236</v>
      </c>
      <c r="C126" s="12">
        <v>0</v>
      </c>
      <c r="D126" s="12">
        <v>0</v>
      </c>
      <c r="E126" s="12">
        <v>0</v>
      </c>
      <c r="F126" s="12">
        <v>0</v>
      </c>
      <c r="G126" s="12">
        <v>0</v>
      </c>
      <c r="H126" s="12">
        <v>0</v>
      </c>
      <c r="I126" s="12">
        <v>0</v>
      </c>
    </row>
    <row r="127" spans="1:12" x14ac:dyDescent="0.25">
      <c r="A127" s="2" t="s">
        <v>237</v>
      </c>
      <c r="B127" s="4" t="s">
        <v>238</v>
      </c>
      <c r="C127" s="12">
        <v>0</v>
      </c>
      <c r="D127" s="12">
        <v>0</v>
      </c>
      <c r="E127" s="12">
        <v>0</v>
      </c>
      <c r="F127" s="12">
        <v>0</v>
      </c>
      <c r="G127" s="12">
        <v>0</v>
      </c>
      <c r="H127" s="12">
        <v>0</v>
      </c>
      <c r="I127" s="12">
        <v>0</v>
      </c>
    </row>
    <row r="128" spans="1:12" x14ac:dyDescent="0.25">
      <c r="A128" s="3" t="s">
        <v>239</v>
      </c>
      <c r="B128" s="5" t="s">
        <v>240</v>
      </c>
      <c r="C128" s="11">
        <v>931125100</v>
      </c>
      <c r="D128" s="11">
        <v>1953929600</v>
      </c>
      <c r="E128" s="11">
        <v>259826194.83000001</v>
      </c>
      <c r="F128" s="11">
        <v>13.3</v>
      </c>
      <c r="G128" s="11">
        <v>1480238358.29</v>
      </c>
      <c r="H128" s="11">
        <v>75.760000000000005</v>
      </c>
      <c r="I128" s="11">
        <v>473691241.70999998</v>
      </c>
    </row>
    <row r="129" spans="1:9" x14ac:dyDescent="0.25">
      <c r="A129" s="2" t="s">
        <v>241</v>
      </c>
      <c r="B129" s="4" t="s">
        <v>242</v>
      </c>
      <c r="C129" s="12">
        <v>931125100</v>
      </c>
      <c r="D129" s="12">
        <v>1953929600</v>
      </c>
      <c r="E129" s="12">
        <v>259826194.83000001</v>
      </c>
      <c r="F129" s="12">
        <v>13.3</v>
      </c>
      <c r="G129" s="12">
        <v>1480238358.29</v>
      </c>
      <c r="H129" s="12">
        <v>75.760000000000005</v>
      </c>
      <c r="I129" s="12">
        <v>473691241.70999998</v>
      </c>
    </row>
    <row r="130" spans="1:9" x14ac:dyDescent="0.25">
      <c r="A130" s="2" t="s">
        <v>243</v>
      </c>
      <c r="B130" s="4" t="s">
        <v>244</v>
      </c>
      <c r="C130" s="12">
        <v>0</v>
      </c>
      <c r="D130" s="12">
        <v>0</v>
      </c>
      <c r="E130" s="12">
        <v>0</v>
      </c>
      <c r="F130" s="12">
        <v>0</v>
      </c>
      <c r="G130" s="12">
        <v>0</v>
      </c>
      <c r="H130" s="12">
        <v>0</v>
      </c>
      <c r="I130" s="12">
        <v>0</v>
      </c>
    </row>
    <row r="131" spans="1:9" x14ac:dyDescent="0.25">
      <c r="A131" s="2" t="s">
        <v>245</v>
      </c>
      <c r="B131" s="4" t="s">
        <v>246</v>
      </c>
      <c r="C131" s="12">
        <v>0</v>
      </c>
      <c r="D131" s="12">
        <v>0</v>
      </c>
      <c r="E131" s="12">
        <v>0</v>
      </c>
      <c r="F131" s="12">
        <v>0</v>
      </c>
      <c r="G131" s="12">
        <v>0</v>
      </c>
      <c r="H131" s="12">
        <v>0</v>
      </c>
      <c r="I131" s="12">
        <v>0</v>
      </c>
    </row>
    <row r="132" spans="1:9" x14ac:dyDescent="0.25">
      <c r="A132" s="2" t="s">
        <v>247</v>
      </c>
      <c r="B132" s="4" t="s">
        <v>248</v>
      </c>
      <c r="C132" s="12">
        <v>0</v>
      </c>
      <c r="D132" s="12">
        <v>0</v>
      </c>
      <c r="E132" s="12">
        <v>0</v>
      </c>
      <c r="F132" s="12">
        <v>0</v>
      </c>
      <c r="G132" s="12">
        <v>0</v>
      </c>
      <c r="H132" s="12">
        <v>0</v>
      </c>
      <c r="I132" s="12">
        <v>0</v>
      </c>
    </row>
    <row r="133" spans="1:9" x14ac:dyDescent="0.25">
      <c r="A133" s="3" t="s">
        <v>249</v>
      </c>
      <c r="B133" s="5" t="s">
        <v>250</v>
      </c>
      <c r="C133" s="11">
        <v>28000000</v>
      </c>
      <c r="D133" s="11">
        <v>28107514</v>
      </c>
      <c r="E133" s="11">
        <v>4469681.01</v>
      </c>
      <c r="F133" s="11">
        <v>15.9</v>
      </c>
      <c r="G133" s="11">
        <v>26666962.079999998</v>
      </c>
      <c r="H133" s="11">
        <v>94.87</v>
      </c>
      <c r="I133" s="11">
        <v>1440551.92</v>
      </c>
    </row>
    <row r="134" spans="1:9" x14ac:dyDescent="0.25">
      <c r="A134" s="2" t="s">
        <v>251</v>
      </c>
      <c r="B134" s="4" t="s">
        <v>252</v>
      </c>
      <c r="C134" s="12">
        <v>0</v>
      </c>
      <c r="D134" s="12">
        <v>107514</v>
      </c>
      <c r="E134" s="12">
        <v>9284</v>
      </c>
      <c r="F134" s="12">
        <v>8.64</v>
      </c>
      <c r="G134" s="12">
        <v>116798.75</v>
      </c>
      <c r="H134" s="12">
        <v>108.64</v>
      </c>
      <c r="I134" s="12">
        <v>-9284.75</v>
      </c>
    </row>
    <row r="135" spans="1:9" x14ac:dyDescent="0.25">
      <c r="A135" s="2" t="s">
        <v>253</v>
      </c>
      <c r="B135" s="4" t="s">
        <v>254</v>
      </c>
      <c r="C135" s="12">
        <v>0</v>
      </c>
      <c r="D135" s="12">
        <v>0</v>
      </c>
      <c r="E135" s="12">
        <v>0</v>
      </c>
      <c r="F135" s="12">
        <v>0</v>
      </c>
      <c r="G135" s="12">
        <v>0</v>
      </c>
      <c r="H135" s="12">
        <v>0</v>
      </c>
      <c r="I135" s="12">
        <v>0</v>
      </c>
    </row>
    <row r="136" spans="1:9" x14ac:dyDescent="0.25">
      <c r="A136" s="2" t="s">
        <v>255</v>
      </c>
      <c r="B136" s="4" t="s">
        <v>256</v>
      </c>
      <c r="C136" s="12">
        <v>0</v>
      </c>
      <c r="D136" s="12">
        <v>0</v>
      </c>
      <c r="E136" s="12">
        <v>0</v>
      </c>
      <c r="F136" s="12">
        <v>0</v>
      </c>
      <c r="G136" s="12">
        <v>0</v>
      </c>
      <c r="H136" s="12">
        <v>0</v>
      </c>
      <c r="I136" s="12">
        <v>0</v>
      </c>
    </row>
    <row r="137" spans="1:9" x14ac:dyDescent="0.25">
      <c r="A137" s="2" t="s">
        <v>257</v>
      </c>
      <c r="B137" s="4" t="s">
        <v>258</v>
      </c>
      <c r="C137" s="12">
        <v>0</v>
      </c>
      <c r="D137" s="12">
        <v>0</v>
      </c>
      <c r="E137" s="12">
        <v>0</v>
      </c>
      <c r="F137" s="12">
        <v>0</v>
      </c>
      <c r="G137" s="12">
        <v>0</v>
      </c>
      <c r="H137" s="12">
        <v>0</v>
      </c>
      <c r="I137" s="12">
        <v>0</v>
      </c>
    </row>
    <row r="138" spans="1:9" x14ac:dyDescent="0.25">
      <c r="A138" s="2" t="s">
        <v>259</v>
      </c>
      <c r="B138" s="4" t="s">
        <v>260</v>
      </c>
      <c r="C138" s="12">
        <v>0</v>
      </c>
      <c r="D138" s="12">
        <v>0</v>
      </c>
      <c r="E138" s="12">
        <v>0</v>
      </c>
      <c r="F138" s="12">
        <v>0</v>
      </c>
      <c r="G138" s="12">
        <v>0</v>
      </c>
      <c r="H138" s="12">
        <v>0</v>
      </c>
      <c r="I138" s="12">
        <v>0</v>
      </c>
    </row>
    <row r="139" spans="1:9" x14ac:dyDescent="0.25">
      <c r="A139" s="2" t="s">
        <v>261</v>
      </c>
      <c r="B139" s="4" t="s">
        <v>262</v>
      </c>
      <c r="C139" s="12">
        <v>28000000</v>
      </c>
      <c r="D139" s="12">
        <v>28000000</v>
      </c>
      <c r="E139" s="12">
        <v>4460397.01</v>
      </c>
      <c r="F139" s="12">
        <v>15.93</v>
      </c>
      <c r="G139" s="12">
        <v>26550163.329999998</v>
      </c>
      <c r="H139" s="12">
        <v>94.82</v>
      </c>
      <c r="I139" s="12">
        <v>1449836.67</v>
      </c>
    </row>
    <row r="140" spans="1:9" x14ac:dyDescent="0.25">
      <c r="A140" s="2" t="s">
        <v>263</v>
      </c>
      <c r="B140" s="4" t="s">
        <v>264</v>
      </c>
      <c r="C140" s="12">
        <v>0</v>
      </c>
      <c r="D140" s="12">
        <v>0</v>
      </c>
      <c r="E140" s="12">
        <v>0</v>
      </c>
      <c r="F140" s="12">
        <v>0</v>
      </c>
      <c r="G140" s="12">
        <v>0</v>
      </c>
      <c r="H140" s="12">
        <v>0</v>
      </c>
      <c r="I140" s="12">
        <v>0</v>
      </c>
    </row>
    <row r="141" spans="1:9" x14ac:dyDescent="0.25">
      <c r="A141" s="2" t="s">
        <v>265</v>
      </c>
      <c r="B141" s="4" t="s">
        <v>266</v>
      </c>
      <c r="C141" s="12">
        <v>0</v>
      </c>
      <c r="D141" s="12">
        <v>0</v>
      </c>
      <c r="E141" s="12">
        <v>0</v>
      </c>
      <c r="F141" s="12">
        <v>0</v>
      </c>
      <c r="G141" s="12">
        <v>0</v>
      </c>
      <c r="H141" s="12">
        <v>0</v>
      </c>
      <c r="I141" s="12">
        <v>0</v>
      </c>
    </row>
    <row r="142" spans="1:9" x14ac:dyDescent="0.25">
      <c r="A142" s="2" t="s">
        <v>267</v>
      </c>
      <c r="B142" s="4" t="s">
        <v>268</v>
      </c>
      <c r="C142" s="12">
        <v>0</v>
      </c>
      <c r="D142" s="12">
        <v>0</v>
      </c>
      <c r="E142" s="12">
        <v>0</v>
      </c>
      <c r="F142" s="12">
        <v>0</v>
      </c>
      <c r="G142" s="12">
        <v>0</v>
      </c>
      <c r="H142" s="12">
        <v>0</v>
      </c>
      <c r="I142" s="12">
        <v>0</v>
      </c>
    </row>
    <row r="143" spans="1:9" x14ac:dyDescent="0.25">
      <c r="A143" s="3" t="s">
        <v>269</v>
      </c>
      <c r="B143" s="5" t="s">
        <v>270</v>
      </c>
      <c r="C143" s="11">
        <v>0</v>
      </c>
      <c r="D143" s="11">
        <v>0</v>
      </c>
      <c r="E143" s="11">
        <v>0</v>
      </c>
      <c r="F143" s="11">
        <v>0</v>
      </c>
      <c r="G143" s="11">
        <v>0</v>
      </c>
      <c r="H143" s="11">
        <v>0</v>
      </c>
      <c r="I143" s="11">
        <v>0</v>
      </c>
    </row>
    <row r="144" spans="1:9" x14ac:dyDescent="0.25">
      <c r="A144" s="2" t="s">
        <v>271</v>
      </c>
      <c r="B144" s="4" t="s">
        <v>272</v>
      </c>
      <c r="C144" s="12">
        <v>0</v>
      </c>
      <c r="D144" s="12">
        <v>0</v>
      </c>
      <c r="E144" s="12">
        <v>0</v>
      </c>
      <c r="F144" s="12">
        <v>0</v>
      </c>
      <c r="G144" s="12">
        <v>0</v>
      </c>
      <c r="H144" s="12">
        <v>0</v>
      </c>
      <c r="I144" s="12">
        <v>0</v>
      </c>
    </row>
    <row r="145" spans="1:9" x14ac:dyDescent="0.25">
      <c r="A145" s="2" t="s">
        <v>273</v>
      </c>
      <c r="B145" s="4" t="s">
        <v>274</v>
      </c>
      <c r="C145" s="12">
        <v>0</v>
      </c>
      <c r="D145" s="12">
        <v>0</v>
      </c>
      <c r="E145" s="12">
        <v>0</v>
      </c>
      <c r="F145" s="12">
        <v>0</v>
      </c>
      <c r="G145" s="12">
        <v>0</v>
      </c>
      <c r="H145" s="12">
        <v>0</v>
      </c>
      <c r="I145" s="12">
        <v>0</v>
      </c>
    </row>
    <row r="146" spans="1:9" x14ac:dyDescent="0.25">
      <c r="A146" s="2" t="s">
        <v>275</v>
      </c>
      <c r="B146" s="4" t="s">
        <v>276</v>
      </c>
      <c r="C146" s="12">
        <v>0</v>
      </c>
      <c r="D146" s="12">
        <v>0</v>
      </c>
      <c r="E146" s="12">
        <v>0</v>
      </c>
      <c r="F146" s="12">
        <v>0</v>
      </c>
      <c r="G146" s="12">
        <v>0</v>
      </c>
      <c r="H146" s="12">
        <v>0</v>
      </c>
      <c r="I146" s="12">
        <v>0</v>
      </c>
    </row>
    <row r="147" spans="1:9" x14ac:dyDescent="0.25">
      <c r="A147" s="2" t="s">
        <v>277</v>
      </c>
      <c r="B147" s="4" t="s">
        <v>278</v>
      </c>
      <c r="C147" s="12">
        <v>0</v>
      </c>
      <c r="D147" s="12">
        <v>0</v>
      </c>
      <c r="E147" s="12">
        <v>0</v>
      </c>
      <c r="F147" s="12">
        <v>0</v>
      </c>
      <c r="G147" s="12">
        <v>0</v>
      </c>
      <c r="H147" s="12">
        <v>0</v>
      </c>
      <c r="I147" s="12">
        <v>0</v>
      </c>
    </row>
    <row r="148" spans="1:9" x14ac:dyDescent="0.25">
      <c r="A148" s="2" t="s">
        <v>279</v>
      </c>
      <c r="B148" s="4" t="s">
        <v>280</v>
      </c>
      <c r="C148" s="12">
        <v>0</v>
      </c>
      <c r="D148" s="12">
        <v>0</v>
      </c>
      <c r="E148" s="12">
        <v>0</v>
      </c>
      <c r="F148" s="12">
        <v>0</v>
      </c>
      <c r="G148" s="12">
        <v>0</v>
      </c>
      <c r="H148" s="12">
        <v>0</v>
      </c>
      <c r="I148" s="12">
        <v>0</v>
      </c>
    </row>
    <row r="149" spans="1:9" x14ac:dyDescent="0.25">
      <c r="A149" s="3" t="s">
        <v>281</v>
      </c>
      <c r="B149" s="5" t="s">
        <v>282</v>
      </c>
      <c r="C149" s="11">
        <v>0</v>
      </c>
      <c r="D149" s="11">
        <v>0</v>
      </c>
      <c r="E149" s="11">
        <v>0</v>
      </c>
      <c r="F149" s="11">
        <v>0</v>
      </c>
      <c r="G149" s="11">
        <v>0</v>
      </c>
      <c r="H149" s="11">
        <v>0</v>
      </c>
      <c r="I149" s="11">
        <v>0</v>
      </c>
    </row>
    <row r="150" spans="1:9" x14ac:dyDescent="0.25">
      <c r="A150" s="2" t="s">
        <v>283</v>
      </c>
      <c r="B150" s="4" t="s">
        <v>284</v>
      </c>
      <c r="C150" s="12">
        <v>0</v>
      </c>
      <c r="D150" s="12">
        <v>0</v>
      </c>
      <c r="E150" s="12">
        <v>0</v>
      </c>
      <c r="F150" s="12">
        <v>0</v>
      </c>
      <c r="G150" s="12">
        <v>0</v>
      </c>
      <c r="H150" s="12">
        <v>0</v>
      </c>
      <c r="I150" s="12">
        <v>0</v>
      </c>
    </row>
    <row r="151" spans="1:9" x14ac:dyDescent="0.25">
      <c r="A151" s="2" t="s">
        <v>285</v>
      </c>
      <c r="B151" s="4" t="s">
        <v>286</v>
      </c>
      <c r="C151" s="12">
        <v>0</v>
      </c>
      <c r="D151" s="12">
        <v>0</v>
      </c>
      <c r="E151" s="12">
        <v>0</v>
      </c>
      <c r="F151" s="12">
        <v>0</v>
      </c>
      <c r="G151" s="12">
        <v>0</v>
      </c>
      <c r="H151" s="12">
        <v>0</v>
      </c>
      <c r="I151" s="12">
        <v>0</v>
      </c>
    </row>
    <row r="152" spans="1:9" x14ac:dyDescent="0.25">
      <c r="A152" s="2" t="s">
        <v>287</v>
      </c>
      <c r="B152" s="4" t="s">
        <v>288</v>
      </c>
      <c r="C152" s="12">
        <v>0</v>
      </c>
      <c r="D152" s="12">
        <v>0</v>
      </c>
      <c r="E152" s="12">
        <v>0</v>
      </c>
      <c r="F152" s="12">
        <v>0</v>
      </c>
      <c r="G152" s="12">
        <v>0</v>
      </c>
      <c r="H152" s="12">
        <v>0</v>
      </c>
      <c r="I152" s="12">
        <v>0</v>
      </c>
    </row>
    <row r="153" spans="1:9" x14ac:dyDescent="0.25">
      <c r="A153" s="2" t="s">
        <v>289</v>
      </c>
      <c r="B153" s="4" t="s">
        <v>290</v>
      </c>
      <c r="C153" s="12">
        <v>0</v>
      </c>
      <c r="D153" s="12">
        <v>0</v>
      </c>
      <c r="E153" s="12">
        <v>0</v>
      </c>
      <c r="F153" s="12">
        <v>0</v>
      </c>
      <c r="G153" s="12">
        <v>0</v>
      </c>
      <c r="H153" s="12">
        <v>0</v>
      </c>
      <c r="I153" s="12">
        <v>0</v>
      </c>
    </row>
    <row r="154" spans="1:9" x14ac:dyDescent="0.25">
      <c r="A154" s="2" t="s">
        <v>291</v>
      </c>
      <c r="B154" s="4" t="s">
        <v>292</v>
      </c>
      <c r="C154" s="12">
        <v>0</v>
      </c>
      <c r="D154" s="12">
        <v>0</v>
      </c>
      <c r="E154" s="12">
        <v>0</v>
      </c>
      <c r="F154" s="12">
        <v>0</v>
      </c>
      <c r="G154" s="12">
        <v>0</v>
      </c>
      <c r="H154" s="12">
        <v>0</v>
      </c>
      <c r="I154" s="12">
        <v>0</v>
      </c>
    </row>
    <row r="155" spans="1:9" x14ac:dyDescent="0.25">
      <c r="A155" s="2" t="s">
        <v>293</v>
      </c>
      <c r="B155" s="4" t="s">
        <v>294</v>
      </c>
      <c r="C155" s="12">
        <v>0</v>
      </c>
      <c r="D155" s="12">
        <v>0</v>
      </c>
      <c r="E155" s="12">
        <v>0</v>
      </c>
      <c r="F155" s="12">
        <v>0</v>
      </c>
      <c r="G155" s="12">
        <v>0</v>
      </c>
      <c r="H155" s="12">
        <v>0</v>
      </c>
      <c r="I155" s="12">
        <v>0</v>
      </c>
    </row>
    <row r="156" spans="1:9" x14ac:dyDescent="0.25">
      <c r="A156" s="2" t="s">
        <v>295</v>
      </c>
      <c r="B156" s="4" t="s">
        <v>296</v>
      </c>
      <c r="C156" s="12">
        <v>0</v>
      </c>
      <c r="D156" s="12">
        <v>0</v>
      </c>
      <c r="E156" s="12">
        <v>0</v>
      </c>
      <c r="F156" s="12">
        <v>0</v>
      </c>
      <c r="G156" s="12">
        <v>0</v>
      </c>
      <c r="H156" s="12">
        <v>0</v>
      </c>
      <c r="I156" s="12">
        <v>0</v>
      </c>
    </row>
    <row r="157" spans="1:9" x14ac:dyDescent="0.25">
      <c r="A157" s="2" t="s">
        <v>297</v>
      </c>
      <c r="B157" s="4" t="s">
        <v>298</v>
      </c>
      <c r="C157" s="12">
        <v>0</v>
      </c>
      <c r="D157" s="12">
        <v>0</v>
      </c>
      <c r="E157" s="12">
        <v>0</v>
      </c>
      <c r="F157" s="12">
        <v>0</v>
      </c>
      <c r="G157" s="12">
        <v>0</v>
      </c>
      <c r="H157" s="12">
        <v>0</v>
      </c>
      <c r="I157" s="12">
        <v>0</v>
      </c>
    </row>
    <row r="158" spans="1:9" x14ac:dyDescent="0.25">
      <c r="A158" s="3" t="s">
        <v>299</v>
      </c>
      <c r="B158" s="5" t="s">
        <v>300</v>
      </c>
      <c r="C158" s="11">
        <v>424735400</v>
      </c>
      <c r="D158" s="11">
        <v>585395900</v>
      </c>
      <c r="E158" s="11">
        <v>170350936.99000001</v>
      </c>
      <c r="F158" s="11">
        <v>29.1</v>
      </c>
      <c r="G158" s="11">
        <v>739743969.80999994</v>
      </c>
      <c r="H158" s="11">
        <v>126.37</v>
      </c>
      <c r="I158" s="11">
        <v>-154348069.81</v>
      </c>
    </row>
    <row r="159" spans="1:9" x14ac:dyDescent="0.25">
      <c r="A159" s="2" t="s">
        <v>301</v>
      </c>
      <c r="B159" s="4" t="s">
        <v>302</v>
      </c>
      <c r="C159" s="12">
        <v>0</v>
      </c>
      <c r="D159" s="12">
        <v>0</v>
      </c>
      <c r="E159" s="12">
        <v>0</v>
      </c>
      <c r="F159" s="12">
        <v>0</v>
      </c>
      <c r="G159" s="12">
        <v>0</v>
      </c>
      <c r="H159" s="12">
        <v>0</v>
      </c>
      <c r="I159" s="12">
        <v>0</v>
      </c>
    </row>
    <row r="160" spans="1:9" x14ac:dyDescent="0.25">
      <c r="A160" s="2" t="s">
        <v>303</v>
      </c>
      <c r="B160" s="4" t="s">
        <v>304</v>
      </c>
      <c r="C160" s="12">
        <v>0</v>
      </c>
      <c r="D160" s="12">
        <v>0</v>
      </c>
      <c r="E160" s="12">
        <v>0</v>
      </c>
      <c r="F160" s="12">
        <v>0</v>
      </c>
      <c r="G160" s="12">
        <v>0</v>
      </c>
      <c r="H160" s="12">
        <v>0</v>
      </c>
      <c r="I160" s="12">
        <v>0</v>
      </c>
    </row>
    <row r="161" spans="1:9" x14ac:dyDescent="0.25">
      <c r="A161" s="2" t="s">
        <v>305</v>
      </c>
      <c r="B161" s="4" t="s">
        <v>306</v>
      </c>
      <c r="C161" s="12">
        <v>0</v>
      </c>
      <c r="D161" s="12">
        <v>0</v>
      </c>
      <c r="E161" s="12">
        <v>0</v>
      </c>
      <c r="F161" s="12">
        <v>0</v>
      </c>
      <c r="G161" s="12">
        <v>0</v>
      </c>
      <c r="H161" s="12">
        <v>0</v>
      </c>
      <c r="I161" s="12">
        <v>0</v>
      </c>
    </row>
    <row r="162" spans="1:9" x14ac:dyDescent="0.25">
      <c r="A162" s="2" t="s">
        <v>307</v>
      </c>
      <c r="B162" s="4" t="s">
        <v>308</v>
      </c>
      <c r="C162" s="12">
        <v>424735400</v>
      </c>
      <c r="D162" s="12">
        <v>585395900</v>
      </c>
      <c r="E162" s="12">
        <v>170350936.99000001</v>
      </c>
      <c r="F162" s="12">
        <v>29.1</v>
      </c>
      <c r="G162" s="12">
        <v>739743969.80999994</v>
      </c>
      <c r="H162" s="12">
        <v>126.37</v>
      </c>
      <c r="I162" s="12">
        <v>-154348069.81</v>
      </c>
    </row>
    <row r="163" spans="1:9" x14ac:dyDescent="0.25">
      <c r="A163" s="3" t="s">
        <v>309</v>
      </c>
      <c r="B163" s="5" t="s">
        <v>310</v>
      </c>
      <c r="C163" s="11">
        <v>0</v>
      </c>
      <c r="D163" s="11">
        <v>0</v>
      </c>
      <c r="E163" s="11">
        <v>0</v>
      </c>
      <c r="F163" s="11">
        <v>0</v>
      </c>
      <c r="G163" s="11">
        <v>0</v>
      </c>
      <c r="H163" s="11">
        <v>0</v>
      </c>
      <c r="I163" s="11">
        <v>0</v>
      </c>
    </row>
    <row r="164" spans="1:9" x14ac:dyDescent="0.25">
      <c r="A164" s="3" t="s">
        <v>311</v>
      </c>
      <c r="B164" s="5" t="s">
        <v>312</v>
      </c>
      <c r="C164" s="11">
        <v>0</v>
      </c>
      <c r="D164" s="11">
        <v>0</v>
      </c>
      <c r="E164" s="11">
        <v>0</v>
      </c>
      <c r="F164" s="11">
        <v>0</v>
      </c>
      <c r="G164" s="11">
        <v>0</v>
      </c>
      <c r="H164" s="11">
        <v>0</v>
      </c>
      <c r="I164" s="11">
        <v>0</v>
      </c>
    </row>
    <row r="165" spans="1:9" x14ac:dyDescent="0.25">
      <c r="A165" s="2" t="s">
        <v>313</v>
      </c>
      <c r="B165" s="4" t="s">
        <v>314</v>
      </c>
      <c r="C165" s="12">
        <v>0</v>
      </c>
      <c r="D165" s="12">
        <v>0</v>
      </c>
      <c r="E165" s="12">
        <v>0</v>
      </c>
      <c r="F165" s="12">
        <v>0</v>
      </c>
      <c r="G165" s="12">
        <v>0</v>
      </c>
      <c r="H165" s="12">
        <v>0</v>
      </c>
      <c r="I165" s="12">
        <v>0</v>
      </c>
    </row>
    <row r="166" spans="1:9" x14ac:dyDescent="0.25">
      <c r="A166" s="2" t="s">
        <v>315</v>
      </c>
      <c r="B166" s="4" t="s">
        <v>316</v>
      </c>
      <c r="C166" s="12">
        <v>0</v>
      </c>
      <c r="D166" s="12">
        <v>0</v>
      </c>
      <c r="E166" s="12">
        <v>0</v>
      </c>
      <c r="F166" s="12">
        <v>0</v>
      </c>
      <c r="G166" s="12">
        <v>0</v>
      </c>
      <c r="H166" s="12">
        <v>0</v>
      </c>
      <c r="I166" s="12">
        <v>0</v>
      </c>
    </row>
    <row r="167" spans="1:9" x14ac:dyDescent="0.25">
      <c r="A167" s="3" t="s">
        <v>317</v>
      </c>
      <c r="B167" s="5" t="s">
        <v>318</v>
      </c>
      <c r="C167" s="11">
        <v>0</v>
      </c>
      <c r="D167" s="11">
        <v>0</v>
      </c>
      <c r="E167" s="11">
        <v>0</v>
      </c>
      <c r="F167" s="11">
        <v>0</v>
      </c>
      <c r="G167" s="11">
        <v>0</v>
      </c>
      <c r="H167" s="11">
        <v>0</v>
      </c>
      <c r="I167" s="11">
        <v>0</v>
      </c>
    </row>
    <row r="168" spans="1:9" x14ac:dyDescent="0.25">
      <c r="A168" s="2" t="s">
        <v>319</v>
      </c>
      <c r="B168" s="4" t="s">
        <v>320</v>
      </c>
      <c r="C168" s="12">
        <v>0</v>
      </c>
      <c r="D168" s="12">
        <v>0</v>
      </c>
      <c r="E168" s="12">
        <v>0</v>
      </c>
      <c r="F168" s="12">
        <v>0</v>
      </c>
      <c r="G168" s="12">
        <v>0</v>
      </c>
      <c r="H168" s="12">
        <v>0</v>
      </c>
      <c r="I168" s="12">
        <v>0</v>
      </c>
    </row>
    <row r="169" spans="1:9" x14ac:dyDescent="0.25">
      <c r="A169" s="2" t="s">
        <v>321</v>
      </c>
      <c r="B169" s="4" t="s">
        <v>322</v>
      </c>
      <c r="C169" s="12">
        <v>0</v>
      </c>
      <c r="D169" s="12">
        <v>0</v>
      </c>
      <c r="E169" s="12">
        <v>0</v>
      </c>
      <c r="F169" s="12">
        <v>0</v>
      </c>
      <c r="G169" s="12">
        <v>0</v>
      </c>
      <c r="H169" s="12">
        <v>0</v>
      </c>
      <c r="I169" s="12">
        <v>0</v>
      </c>
    </row>
    <row r="170" spans="1:9" x14ac:dyDescent="0.25">
      <c r="A170" s="2" t="s">
        <v>323</v>
      </c>
      <c r="B170" s="4" t="s">
        <v>324</v>
      </c>
      <c r="C170" s="12">
        <v>0</v>
      </c>
      <c r="D170" s="12">
        <v>0</v>
      </c>
      <c r="E170" s="12">
        <v>0</v>
      </c>
      <c r="F170" s="12">
        <v>0</v>
      </c>
      <c r="G170" s="12">
        <v>0</v>
      </c>
      <c r="H170" s="12">
        <v>0</v>
      </c>
      <c r="I170" s="12">
        <v>0</v>
      </c>
    </row>
    <row r="171" spans="1:9" x14ac:dyDescent="0.25">
      <c r="A171" s="2" t="s">
        <v>325</v>
      </c>
      <c r="B171" s="4" t="s">
        <v>326</v>
      </c>
      <c r="C171" s="12">
        <v>0</v>
      </c>
      <c r="D171" s="12">
        <v>0</v>
      </c>
      <c r="E171" s="12">
        <v>0</v>
      </c>
      <c r="F171" s="12">
        <v>0</v>
      </c>
      <c r="G171" s="12">
        <v>0</v>
      </c>
      <c r="H171" s="12">
        <v>0</v>
      </c>
      <c r="I171" s="12">
        <v>0</v>
      </c>
    </row>
    <row r="172" spans="1:9" x14ac:dyDescent="0.25">
      <c r="A172" s="3" t="s">
        <v>327</v>
      </c>
      <c r="B172" s="5" t="s">
        <v>328</v>
      </c>
      <c r="C172" s="11">
        <v>0</v>
      </c>
      <c r="D172" s="11">
        <v>0</v>
      </c>
      <c r="E172" s="11">
        <v>0</v>
      </c>
      <c r="F172" s="11">
        <v>0</v>
      </c>
      <c r="G172" s="11">
        <v>0</v>
      </c>
      <c r="H172" s="11">
        <v>0</v>
      </c>
      <c r="I172" s="11">
        <v>0</v>
      </c>
    </row>
    <row r="173" spans="1:9" x14ac:dyDescent="0.25">
      <c r="A173" s="2" t="s">
        <v>329</v>
      </c>
      <c r="B173" s="4" t="s">
        <v>284</v>
      </c>
      <c r="C173" s="12">
        <v>0</v>
      </c>
      <c r="D173" s="12">
        <v>0</v>
      </c>
      <c r="E173" s="12">
        <v>0</v>
      </c>
      <c r="F173" s="12">
        <v>0</v>
      </c>
      <c r="G173" s="12">
        <v>0</v>
      </c>
      <c r="H173" s="12">
        <v>0</v>
      </c>
      <c r="I173" s="12">
        <v>0</v>
      </c>
    </row>
    <row r="174" spans="1:9" x14ac:dyDescent="0.25">
      <c r="A174" s="2" t="s">
        <v>330</v>
      </c>
      <c r="B174" s="4" t="s">
        <v>286</v>
      </c>
      <c r="C174" s="12">
        <v>0</v>
      </c>
      <c r="D174" s="12">
        <v>0</v>
      </c>
      <c r="E174" s="12">
        <v>0</v>
      </c>
      <c r="F174" s="12">
        <v>0</v>
      </c>
      <c r="G174" s="12">
        <v>0</v>
      </c>
      <c r="H174" s="12">
        <v>0</v>
      </c>
      <c r="I174" s="12">
        <v>0</v>
      </c>
    </row>
    <row r="175" spans="1:9" x14ac:dyDescent="0.25">
      <c r="A175" s="2" t="s">
        <v>331</v>
      </c>
      <c r="B175" s="4" t="s">
        <v>288</v>
      </c>
      <c r="C175" s="12">
        <v>0</v>
      </c>
      <c r="D175" s="12">
        <v>0</v>
      </c>
      <c r="E175" s="12">
        <v>0</v>
      </c>
      <c r="F175" s="12">
        <v>0</v>
      </c>
      <c r="G175" s="12">
        <v>0</v>
      </c>
      <c r="H175" s="12">
        <v>0</v>
      </c>
      <c r="I175" s="12">
        <v>0</v>
      </c>
    </row>
    <row r="176" spans="1:9" x14ac:dyDescent="0.25">
      <c r="A176" s="2" t="s">
        <v>332</v>
      </c>
      <c r="B176" s="4" t="s">
        <v>290</v>
      </c>
      <c r="C176" s="12">
        <v>0</v>
      </c>
      <c r="D176" s="12">
        <v>0</v>
      </c>
      <c r="E176" s="12">
        <v>0</v>
      </c>
      <c r="F176" s="12">
        <v>0</v>
      </c>
      <c r="G176" s="12">
        <v>0</v>
      </c>
      <c r="H176" s="12">
        <v>0</v>
      </c>
      <c r="I176" s="12">
        <v>0</v>
      </c>
    </row>
    <row r="177" spans="1:12" x14ac:dyDescent="0.25">
      <c r="A177" s="2" t="s">
        <v>333</v>
      </c>
      <c r="B177" s="4" t="s">
        <v>292</v>
      </c>
      <c r="C177" s="12">
        <v>0</v>
      </c>
      <c r="D177" s="12">
        <v>0</v>
      </c>
      <c r="E177" s="12">
        <v>0</v>
      </c>
      <c r="F177" s="12">
        <v>0</v>
      </c>
      <c r="G177" s="12">
        <v>0</v>
      </c>
      <c r="H177" s="12">
        <v>0</v>
      </c>
      <c r="I177" s="12">
        <v>0</v>
      </c>
    </row>
    <row r="178" spans="1:12" x14ac:dyDescent="0.25">
      <c r="A178" s="2" t="s">
        <v>334</v>
      </c>
      <c r="B178" s="4" t="s">
        <v>294</v>
      </c>
      <c r="C178" s="12">
        <v>0</v>
      </c>
      <c r="D178" s="12">
        <v>0</v>
      </c>
      <c r="E178" s="12">
        <v>0</v>
      </c>
      <c r="F178" s="12">
        <v>0</v>
      </c>
      <c r="G178" s="12">
        <v>0</v>
      </c>
      <c r="H178" s="12">
        <v>0</v>
      </c>
      <c r="I178" s="12">
        <v>0</v>
      </c>
    </row>
    <row r="179" spans="1:12" x14ac:dyDescent="0.25">
      <c r="A179" s="2" t="s">
        <v>335</v>
      </c>
      <c r="B179" s="4" t="s">
        <v>296</v>
      </c>
      <c r="C179" s="12">
        <v>0</v>
      </c>
      <c r="D179" s="12">
        <v>0</v>
      </c>
      <c r="E179" s="12">
        <v>0</v>
      </c>
      <c r="F179" s="12">
        <v>0</v>
      </c>
      <c r="G179" s="12">
        <v>0</v>
      </c>
      <c r="H179" s="12">
        <v>0</v>
      </c>
      <c r="I179" s="12">
        <v>0</v>
      </c>
    </row>
    <row r="180" spans="1:12" x14ac:dyDescent="0.25">
      <c r="A180" s="2" t="s">
        <v>336</v>
      </c>
      <c r="B180" s="4" t="s">
        <v>298</v>
      </c>
      <c r="C180" s="12">
        <v>0</v>
      </c>
      <c r="D180" s="12">
        <v>0</v>
      </c>
      <c r="E180" s="12">
        <v>0</v>
      </c>
      <c r="F180" s="12">
        <v>0</v>
      </c>
      <c r="G180" s="12">
        <v>0</v>
      </c>
      <c r="H180" s="12">
        <v>0</v>
      </c>
      <c r="I180" s="12">
        <v>0</v>
      </c>
    </row>
    <row r="181" spans="1:12" x14ac:dyDescent="0.25">
      <c r="A181" s="3" t="s">
        <v>337</v>
      </c>
      <c r="B181" s="5" t="s">
        <v>338</v>
      </c>
      <c r="C181" s="11">
        <v>0</v>
      </c>
      <c r="D181" s="11">
        <v>0</v>
      </c>
      <c r="E181" s="11">
        <v>0</v>
      </c>
      <c r="F181" s="11">
        <v>0</v>
      </c>
      <c r="G181" s="11">
        <v>0</v>
      </c>
      <c r="H181" s="11">
        <v>0</v>
      </c>
      <c r="I181" s="11">
        <v>0</v>
      </c>
    </row>
    <row r="182" spans="1:12" x14ac:dyDescent="0.25">
      <c r="A182" s="2" t="s">
        <v>339</v>
      </c>
      <c r="B182" s="4" t="s">
        <v>340</v>
      </c>
      <c r="C182" s="12">
        <v>0</v>
      </c>
      <c r="D182" s="12">
        <v>0</v>
      </c>
      <c r="E182" s="12">
        <v>0</v>
      </c>
      <c r="F182" s="12">
        <v>0</v>
      </c>
      <c r="G182" s="12">
        <v>0</v>
      </c>
      <c r="H182" s="12">
        <v>0</v>
      </c>
      <c r="I182" s="12">
        <v>0</v>
      </c>
    </row>
    <row r="183" spans="1:12" x14ac:dyDescent="0.25">
      <c r="A183" s="2" t="s">
        <v>341</v>
      </c>
      <c r="B183" s="4" t="s">
        <v>342</v>
      </c>
      <c r="C183" s="12">
        <v>0</v>
      </c>
      <c r="D183" s="12">
        <v>0</v>
      </c>
      <c r="E183" s="12">
        <v>0</v>
      </c>
      <c r="F183" s="12">
        <v>0</v>
      </c>
      <c r="G183" s="12">
        <v>0</v>
      </c>
      <c r="H183" s="12">
        <v>0</v>
      </c>
      <c r="I183" s="12">
        <v>0</v>
      </c>
    </row>
    <row r="184" spans="1:12" x14ac:dyDescent="0.25">
      <c r="A184" s="2" t="s">
        <v>343</v>
      </c>
      <c r="B184" s="4" t="s">
        <v>344</v>
      </c>
      <c r="C184" s="12">
        <v>0</v>
      </c>
      <c r="D184" s="12">
        <v>0</v>
      </c>
      <c r="E184" s="12">
        <v>0</v>
      </c>
      <c r="F184" s="12">
        <v>0</v>
      </c>
      <c r="G184" s="12">
        <v>0</v>
      </c>
      <c r="H184" s="12">
        <v>0</v>
      </c>
      <c r="I184" s="12">
        <v>0</v>
      </c>
    </row>
    <row r="185" spans="1:12" x14ac:dyDescent="0.25">
      <c r="A185" s="2" t="s">
        <v>345</v>
      </c>
      <c r="B185" s="4" t="s">
        <v>346</v>
      </c>
      <c r="C185" s="12">
        <v>0</v>
      </c>
      <c r="D185" s="12">
        <v>0</v>
      </c>
      <c r="E185" s="12">
        <v>0</v>
      </c>
      <c r="F185" s="12">
        <v>0</v>
      </c>
      <c r="G185" s="12">
        <v>0</v>
      </c>
      <c r="H185" s="12">
        <v>0</v>
      </c>
      <c r="I185" s="12">
        <v>0</v>
      </c>
    </row>
    <row r="187" spans="1:12" x14ac:dyDescent="0.25">
      <c r="A187" s="10" t="s">
        <v>6</v>
      </c>
      <c r="B187" s="10" t="s">
        <v>347</v>
      </c>
      <c r="C187" s="10" t="s">
        <v>166</v>
      </c>
      <c r="D187" s="10" t="s">
        <v>167</v>
      </c>
      <c r="E187" s="10" t="s">
        <v>168</v>
      </c>
      <c r="F187" s="10" t="s">
        <v>7</v>
      </c>
      <c r="G187" s="10" t="s">
        <v>171</v>
      </c>
      <c r="H187" s="10" t="s">
        <v>172</v>
      </c>
      <c r="I187" s="10" t="s">
        <v>7</v>
      </c>
      <c r="J187" s="10" t="s">
        <v>175</v>
      </c>
      <c r="K187" s="10" t="s">
        <v>176</v>
      </c>
      <c r="L187" s="10" t="s">
        <v>177</v>
      </c>
    </row>
    <row r="188" spans="1:12" ht="21" x14ac:dyDescent="0.25">
      <c r="A188" s="10" t="s">
        <v>7</v>
      </c>
      <c r="B188" s="10" t="s">
        <v>7</v>
      </c>
      <c r="C188" s="10" t="s">
        <v>7</v>
      </c>
      <c r="D188" s="10" t="s">
        <v>7</v>
      </c>
      <c r="E188" s="1" t="s">
        <v>169</v>
      </c>
      <c r="F188" s="1" t="s">
        <v>170</v>
      </c>
      <c r="G188" s="10" t="s">
        <v>7</v>
      </c>
      <c r="H188" s="1" t="s">
        <v>169</v>
      </c>
      <c r="I188" s="1" t="s">
        <v>174</v>
      </c>
      <c r="J188" s="10" t="s">
        <v>7</v>
      </c>
      <c r="K188" s="10" t="s">
        <v>7</v>
      </c>
      <c r="L188" s="10" t="s">
        <v>7</v>
      </c>
    </row>
    <row r="189" spans="1:12" x14ac:dyDescent="0.25">
      <c r="A189" s="3" t="s">
        <v>348</v>
      </c>
      <c r="B189" s="5" t="s">
        <v>349</v>
      </c>
      <c r="C189" s="11">
        <v>1386860500</v>
      </c>
      <c r="D189" s="11">
        <v>2420770734.8600001</v>
      </c>
      <c r="E189" s="11">
        <v>425801218.58999997</v>
      </c>
      <c r="F189" s="11">
        <v>2326652324.3600001</v>
      </c>
      <c r="G189" s="11">
        <v>94118410.5</v>
      </c>
      <c r="H189" s="11">
        <v>464422440.08999997</v>
      </c>
      <c r="I189" s="11">
        <v>2326648104.3600001</v>
      </c>
      <c r="J189" s="11">
        <v>94122630.5</v>
      </c>
      <c r="K189" s="11">
        <v>2173341418.5900002</v>
      </c>
      <c r="L189" s="11">
        <v>4220</v>
      </c>
    </row>
    <row r="190" spans="1:12" x14ac:dyDescent="0.25">
      <c r="A190" s="3" t="s">
        <v>350</v>
      </c>
      <c r="B190" s="5" t="s">
        <v>351</v>
      </c>
      <c r="C190" s="11">
        <v>1136860500</v>
      </c>
      <c r="D190" s="11">
        <v>2420742167.8600001</v>
      </c>
      <c r="E190" s="11">
        <v>425801218.58999997</v>
      </c>
      <c r="F190" s="11">
        <v>2326652324.3600001</v>
      </c>
      <c r="G190" s="11">
        <v>94089843.5</v>
      </c>
      <c r="H190" s="11">
        <v>464422440.08999997</v>
      </c>
      <c r="I190" s="11">
        <v>2326648104.3600001</v>
      </c>
      <c r="J190" s="11">
        <v>94094063.5</v>
      </c>
      <c r="K190" s="11">
        <v>2173341418.5900002</v>
      </c>
      <c r="L190" s="11">
        <v>4220</v>
      </c>
    </row>
    <row r="191" spans="1:12" x14ac:dyDescent="0.25">
      <c r="A191" s="2" t="s">
        <v>352</v>
      </c>
      <c r="B191" s="4" t="s">
        <v>353</v>
      </c>
      <c r="C191" s="12">
        <v>822327700</v>
      </c>
      <c r="D191" s="12">
        <v>2316152713.5999999</v>
      </c>
      <c r="E191" s="12">
        <v>441508847.98000002</v>
      </c>
      <c r="F191" s="12">
        <v>2227178812.1500001</v>
      </c>
      <c r="G191" s="12">
        <v>88973901.450000003</v>
      </c>
      <c r="H191" s="12">
        <v>472817243.57999998</v>
      </c>
      <c r="I191" s="12">
        <v>2227178812.1500001</v>
      </c>
      <c r="J191" s="12">
        <v>88973901.450000003</v>
      </c>
      <c r="K191" s="12">
        <v>2081010580.05</v>
      </c>
      <c r="L191" s="12">
        <v>0</v>
      </c>
    </row>
    <row r="192" spans="1:12" x14ac:dyDescent="0.25">
      <c r="A192" s="2" t="s">
        <v>354</v>
      </c>
      <c r="B192" s="4" t="s">
        <v>355</v>
      </c>
      <c r="C192" s="12">
        <v>0</v>
      </c>
      <c r="D192" s="12">
        <v>0</v>
      </c>
      <c r="E192" s="12">
        <v>0</v>
      </c>
      <c r="F192" s="12">
        <v>0</v>
      </c>
      <c r="G192" s="12">
        <v>0</v>
      </c>
      <c r="H192" s="12">
        <v>0</v>
      </c>
      <c r="I192" s="12">
        <v>0</v>
      </c>
      <c r="J192" s="12">
        <v>0</v>
      </c>
      <c r="K192" s="12">
        <v>0</v>
      </c>
      <c r="L192" s="12">
        <v>0</v>
      </c>
    </row>
    <row r="193" spans="1:12" x14ac:dyDescent="0.25">
      <c r="A193" s="2" t="s">
        <v>356</v>
      </c>
      <c r="B193" s="4" t="s">
        <v>357</v>
      </c>
      <c r="C193" s="12">
        <v>314532800</v>
      </c>
      <c r="D193" s="12">
        <v>104589454.26000001</v>
      </c>
      <c r="E193" s="12">
        <v>-15707629.390000001</v>
      </c>
      <c r="F193" s="12">
        <v>99473512.209999993</v>
      </c>
      <c r="G193" s="12">
        <v>5115942.05</v>
      </c>
      <c r="H193" s="12">
        <v>-8394803.4900000002</v>
      </c>
      <c r="I193" s="12">
        <v>99469292.209999993</v>
      </c>
      <c r="J193" s="12">
        <v>5120162.05</v>
      </c>
      <c r="K193" s="12">
        <v>92330838.540000007</v>
      </c>
      <c r="L193" s="12">
        <v>4220</v>
      </c>
    </row>
    <row r="194" spans="1:12" x14ac:dyDescent="0.25">
      <c r="A194" s="3" t="s">
        <v>358</v>
      </c>
      <c r="B194" s="5" t="s">
        <v>359</v>
      </c>
      <c r="C194" s="11">
        <v>250000000</v>
      </c>
      <c r="D194" s="11">
        <v>28567</v>
      </c>
      <c r="E194" s="11">
        <v>0</v>
      </c>
      <c r="F194" s="11">
        <v>0</v>
      </c>
      <c r="G194" s="11">
        <v>28567</v>
      </c>
      <c r="H194" s="11">
        <v>0</v>
      </c>
      <c r="I194" s="11">
        <v>0</v>
      </c>
      <c r="J194" s="11">
        <v>28567</v>
      </c>
      <c r="K194" s="11">
        <v>0</v>
      </c>
      <c r="L194" s="11">
        <v>0</v>
      </c>
    </row>
    <row r="195" spans="1:12" x14ac:dyDescent="0.25">
      <c r="A195" s="2" t="s">
        <v>360</v>
      </c>
      <c r="B195" s="4" t="s">
        <v>361</v>
      </c>
      <c r="C195" s="12">
        <v>250000000</v>
      </c>
      <c r="D195" s="12">
        <v>28567</v>
      </c>
      <c r="E195" s="12">
        <v>0</v>
      </c>
      <c r="F195" s="12">
        <v>0</v>
      </c>
      <c r="G195" s="12">
        <v>28567</v>
      </c>
      <c r="H195" s="12">
        <v>0</v>
      </c>
      <c r="I195" s="12">
        <v>0</v>
      </c>
      <c r="J195" s="12">
        <v>28567</v>
      </c>
      <c r="K195" s="12">
        <v>0</v>
      </c>
      <c r="L195" s="12">
        <v>0</v>
      </c>
    </row>
    <row r="196" spans="1:12" x14ac:dyDescent="0.25">
      <c r="A196" s="2" t="s">
        <v>362</v>
      </c>
      <c r="B196" s="4" t="s">
        <v>363</v>
      </c>
      <c r="C196" s="12">
        <v>0</v>
      </c>
      <c r="D196" s="12">
        <v>0</v>
      </c>
      <c r="E196" s="12">
        <v>0</v>
      </c>
      <c r="F196" s="12">
        <v>0</v>
      </c>
      <c r="G196" s="12">
        <v>0</v>
      </c>
      <c r="H196" s="12">
        <v>0</v>
      </c>
      <c r="I196" s="12">
        <v>0</v>
      </c>
      <c r="J196" s="12">
        <v>0</v>
      </c>
      <c r="K196" s="12">
        <v>0</v>
      </c>
      <c r="L196" s="12">
        <v>0</v>
      </c>
    </row>
    <row r="197" spans="1:12" x14ac:dyDescent="0.25">
      <c r="A197" s="2" t="s">
        <v>364</v>
      </c>
      <c r="B197" s="4" t="s">
        <v>365</v>
      </c>
      <c r="C197" s="12">
        <v>0</v>
      </c>
      <c r="D197" s="12">
        <v>0</v>
      </c>
      <c r="E197" s="12">
        <v>0</v>
      </c>
      <c r="F197" s="12">
        <v>0</v>
      </c>
      <c r="G197" s="12">
        <v>0</v>
      </c>
      <c r="H197" s="12">
        <v>0</v>
      </c>
      <c r="I197" s="12">
        <v>0</v>
      </c>
      <c r="J197" s="12">
        <v>0</v>
      </c>
      <c r="K197" s="12">
        <v>0</v>
      </c>
      <c r="L197" s="12">
        <v>0</v>
      </c>
    </row>
    <row r="198" spans="1:12" x14ac:dyDescent="0.25">
      <c r="A198" s="2" t="s">
        <v>366</v>
      </c>
      <c r="B198" s="4" t="s">
        <v>367</v>
      </c>
      <c r="C198" s="12">
        <v>0</v>
      </c>
      <c r="D198" s="12">
        <v>0</v>
      </c>
      <c r="E198" s="12">
        <v>0</v>
      </c>
      <c r="F198" s="12">
        <v>0</v>
      </c>
      <c r="G198" s="12">
        <v>0</v>
      </c>
      <c r="H198" s="12">
        <v>0</v>
      </c>
      <c r="I198" s="12">
        <v>0</v>
      </c>
      <c r="J198" s="12">
        <v>0</v>
      </c>
      <c r="K198" s="12">
        <v>0</v>
      </c>
      <c r="L198" s="12">
        <v>0</v>
      </c>
    </row>
  </sheetData>
  <mergeCells count="38">
    <mergeCell ref="J187:J188"/>
    <mergeCell ref="K187:K188"/>
    <mergeCell ref="L187:L188"/>
    <mergeCell ref="I120:I121"/>
    <mergeCell ref="A187:A188"/>
    <mergeCell ref="B187:B188"/>
    <mergeCell ref="C187:C188"/>
    <mergeCell ref="D187:D188"/>
    <mergeCell ref="E187:F187"/>
    <mergeCell ref="G187:G188"/>
    <mergeCell ref="H187:I187"/>
    <mergeCell ref="A120:A121"/>
    <mergeCell ref="B120:B121"/>
    <mergeCell ref="C120:C121"/>
    <mergeCell ref="D120:D121"/>
    <mergeCell ref="E120:H120"/>
    <mergeCell ref="G92:G93"/>
    <mergeCell ref="H92:I92"/>
    <mergeCell ref="J92:J93"/>
    <mergeCell ref="K92:K93"/>
    <mergeCell ref="L92:L93"/>
    <mergeCell ref="A92:A93"/>
    <mergeCell ref="B92:B93"/>
    <mergeCell ref="C92:C93"/>
    <mergeCell ref="D92:D93"/>
    <mergeCell ref="E92:F92"/>
    <mergeCell ref="A9:L9"/>
    <mergeCell ref="A10:A11"/>
    <mergeCell ref="B10:B11"/>
    <mergeCell ref="C10:C11"/>
    <mergeCell ref="D10:D11"/>
    <mergeCell ref="E10:H10"/>
    <mergeCell ref="I10:I11"/>
    <mergeCell ref="A3:L3"/>
    <mergeCell ref="A4:L4"/>
    <mergeCell ref="A5:L5"/>
    <mergeCell ref="A6:L6"/>
    <mergeCell ref="A7:L7"/>
  </mergeCells>
  <pageMargins left="0.7" right="0.7" top="0.75" bottom="0.75" header="0.3" footer="0.3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I30"/>
  <sheetViews>
    <sheetView showGridLines="0" workbookViewId="0"/>
  </sheetViews>
  <sheetFormatPr defaultRowHeight="15" x14ac:dyDescent="0.25"/>
  <cols>
    <col min="1" max="1" width="2.7109375" bestFit="1" customWidth="1"/>
    <col min="2" max="2" width="44.42578125" bestFit="1" customWidth="1"/>
    <col min="3" max="5" width="15" bestFit="1" customWidth="1"/>
    <col min="6" max="6" width="14.85546875" bestFit="1" customWidth="1"/>
    <col min="7" max="7" width="9.28515625" bestFit="1" customWidth="1"/>
    <col min="8" max="8" width="13.140625" bestFit="1" customWidth="1"/>
    <col min="9" max="9" width="14.85546875" bestFit="1" customWidth="1"/>
  </cols>
  <sheetData>
    <row r="3" spans="1:9" x14ac:dyDescent="0.25">
      <c r="A3" s="6" t="s">
        <v>0</v>
      </c>
      <c r="B3" s="7"/>
      <c r="C3" s="7"/>
      <c r="D3" s="7"/>
      <c r="E3" s="7"/>
      <c r="F3" s="7"/>
      <c r="G3" s="7"/>
      <c r="H3" s="7"/>
      <c r="I3" s="7"/>
    </row>
    <row r="4" spans="1:9" x14ac:dyDescent="0.25">
      <c r="A4" s="6" t="s">
        <v>1</v>
      </c>
      <c r="B4" s="7"/>
      <c r="C4" s="7"/>
      <c r="D4" s="7"/>
      <c r="E4" s="7"/>
      <c r="F4" s="7"/>
      <c r="G4" s="7"/>
      <c r="H4" s="7"/>
      <c r="I4" s="7"/>
    </row>
    <row r="5" spans="1:9" x14ac:dyDescent="0.25">
      <c r="A5" s="8" t="s">
        <v>1012</v>
      </c>
      <c r="B5" s="7"/>
      <c r="C5" s="7"/>
      <c r="D5" s="7"/>
      <c r="E5" s="7"/>
      <c r="F5" s="7"/>
      <c r="G5" s="7"/>
      <c r="H5" s="7"/>
      <c r="I5" s="7"/>
    </row>
    <row r="6" spans="1:9" x14ac:dyDescent="0.25">
      <c r="A6" s="6" t="s">
        <v>3</v>
      </c>
      <c r="B6" s="7"/>
      <c r="C6" s="7"/>
      <c r="D6" s="7"/>
      <c r="E6" s="7"/>
      <c r="F6" s="7"/>
      <c r="G6" s="7"/>
      <c r="H6" s="7"/>
      <c r="I6" s="7"/>
    </row>
    <row r="7" spans="1:9" x14ac:dyDescent="0.25">
      <c r="A7" s="6" t="s">
        <v>4</v>
      </c>
      <c r="B7" s="7"/>
      <c r="C7" s="7"/>
      <c r="D7" s="7"/>
      <c r="E7" s="7"/>
      <c r="F7" s="7"/>
      <c r="G7" s="7"/>
      <c r="H7" s="7"/>
      <c r="I7" s="7"/>
    </row>
    <row r="9" spans="1:9" x14ac:dyDescent="0.25">
      <c r="A9" s="9" t="s">
        <v>913</v>
      </c>
      <c r="B9" s="7"/>
      <c r="C9" s="7"/>
      <c r="D9" s="7"/>
      <c r="E9" s="7"/>
      <c r="F9" s="7"/>
      <c r="G9" s="7"/>
      <c r="H9" s="7"/>
      <c r="I9" s="7"/>
    </row>
    <row r="10" spans="1:9" x14ac:dyDescent="0.25">
      <c r="A10" s="10" t="s">
        <v>6</v>
      </c>
      <c r="B10" s="10" t="s">
        <v>8</v>
      </c>
      <c r="C10" s="10" t="s">
        <v>10</v>
      </c>
      <c r="D10" s="10" t="s">
        <v>914</v>
      </c>
      <c r="E10" s="10" t="s">
        <v>1013</v>
      </c>
    </row>
    <row r="11" spans="1:9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0" t="s">
        <v>7</v>
      </c>
    </row>
    <row r="12" spans="1:9" x14ac:dyDescent="0.25">
      <c r="A12" s="3" t="s">
        <v>17</v>
      </c>
      <c r="B12" s="5" t="s">
        <v>1014</v>
      </c>
      <c r="C12" s="11">
        <v>6254500</v>
      </c>
      <c r="D12" s="11">
        <v>2224773.64</v>
      </c>
      <c r="E12" s="11">
        <v>4029726.36</v>
      </c>
    </row>
    <row r="13" spans="1:9" x14ac:dyDescent="0.25">
      <c r="A13" s="2" t="s">
        <v>19</v>
      </c>
      <c r="B13" s="4" t="s">
        <v>1015</v>
      </c>
      <c r="C13" s="12">
        <v>1605500</v>
      </c>
      <c r="D13" s="12">
        <v>1400290</v>
      </c>
      <c r="E13" s="12">
        <v>205210</v>
      </c>
    </row>
    <row r="14" spans="1:9" x14ac:dyDescent="0.25">
      <c r="A14" s="2" t="s">
        <v>21</v>
      </c>
      <c r="B14" s="4" t="s">
        <v>1016</v>
      </c>
      <c r="C14" s="12">
        <v>4644400</v>
      </c>
      <c r="D14" s="12">
        <v>823419.02</v>
      </c>
      <c r="E14" s="12">
        <v>3820980.98</v>
      </c>
    </row>
    <row r="15" spans="1:9" x14ac:dyDescent="0.25">
      <c r="A15" s="2" t="s">
        <v>23</v>
      </c>
      <c r="B15" s="4" t="s">
        <v>1017</v>
      </c>
      <c r="C15" s="12">
        <v>0</v>
      </c>
      <c r="D15" s="12">
        <v>0</v>
      </c>
      <c r="E15" s="12">
        <v>0</v>
      </c>
    </row>
    <row r="16" spans="1:9" x14ac:dyDescent="0.25">
      <c r="A16" s="2" t="s">
        <v>25</v>
      </c>
      <c r="B16" s="4" t="s">
        <v>1018</v>
      </c>
      <c r="C16" s="12">
        <v>4600</v>
      </c>
      <c r="D16" s="12">
        <v>1064.6199999999999</v>
      </c>
      <c r="E16" s="12">
        <v>3535.38</v>
      </c>
    </row>
    <row r="18" spans="1:9" x14ac:dyDescent="0.25">
      <c r="A18" s="10" t="s">
        <v>6</v>
      </c>
      <c r="B18" s="10" t="s">
        <v>165</v>
      </c>
      <c r="C18" s="10" t="s">
        <v>829</v>
      </c>
      <c r="D18" s="10" t="s">
        <v>917</v>
      </c>
      <c r="E18" s="10" t="s">
        <v>172</v>
      </c>
      <c r="F18" s="10" t="s">
        <v>1019</v>
      </c>
      <c r="G18" s="10" t="s">
        <v>1020</v>
      </c>
      <c r="H18" s="10" t="s">
        <v>1021</v>
      </c>
      <c r="I18" s="10" t="s">
        <v>1022</v>
      </c>
    </row>
    <row r="19" spans="1:9" x14ac:dyDescent="0.25">
      <c r="A19" s="10" t="s">
        <v>7</v>
      </c>
      <c r="B19" s="10" t="s">
        <v>7</v>
      </c>
      <c r="C19" s="10" t="s">
        <v>7</v>
      </c>
      <c r="D19" s="10" t="s">
        <v>7</v>
      </c>
      <c r="E19" s="10" t="s">
        <v>7</v>
      </c>
      <c r="F19" s="10" t="s">
        <v>7</v>
      </c>
      <c r="G19" s="10" t="s">
        <v>7</v>
      </c>
      <c r="H19" s="10" t="s">
        <v>7</v>
      </c>
      <c r="I19" s="10" t="s">
        <v>7</v>
      </c>
    </row>
    <row r="20" spans="1:9" x14ac:dyDescent="0.25">
      <c r="A20" s="3" t="s">
        <v>27</v>
      </c>
      <c r="B20" s="5" t="s">
        <v>1023</v>
      </c>
      <c r="C20" s="11">
        <v>5384500</v>
      </c>
      <c r="D20" s="11">
        <v>3379450.69</v>
      </c>
      <c r="E20" s="11">
        <v>3379450.69</v>
      </c>
      <c r="F20" s="11">
        <v>3379450.69</v>
      </c>
      <c r="G20" s="11">
        <v>0</v>
      </c>
      <c r="H20" s="11">
        <v>262079.5</v>
      </c>
      <c r="I20" s="11">
        <v>2005049.31</v>
      </c>
    </row>
    <row r="21" spans="1:9" x14ac:dyDescent="0.25">
      <c r="A21" s="3" t="s">
        <v>29</v>
      </c>
      <c r="B21" s="5" t="s">
        <v>1024</v>
      </c>
      <c r="C21" s="11">
        <v>5384500</v>
      </c>
      <c r="D21" s="11">
        <v>3379450.69</v>
      </c>
      <c r="E21" s="11">
        <v>3379450.69</v>
      </c>
      <c r="F21" s="11">
        <v>3379450.69</v>
      </c>
      <c r="G21" s="11">
        <v>0</v>
      </c>
      <c r="H21" s="11">
        <v>262079.5</v>
      </c>
      <c r="I21" s="11">
        <v>2005049.31</v>
      </c>
    </row>
    <row r="22" spans="1:9" x14ac:dyDescent="0.25">
      <c r="A22" s="2" t="s">
        <v>31</v>
      </c>
      <c r="B22" s="4" t="s">
        <v>919</v>
      </c>
      <c r="C22" s="12">
        <v>2416200</v>
      </c>
      <c r="D22" s="12">
        <v>411900</v>
      </c>
      <c r="E22" s="12">
        <v>411900</v>
      </c>
      <c r="F22" s="12">
        <v>411900</v>
      </c>
      <c r="G22" s="12">
        <v>0</v>
      </c>
      <c r="H22" s="12">
        <v>262079.5</v>
      </c>
      <c r="I22" s="12">
        <v>2004300</v>
      </c>
    </row>
    <row r="23" spans="1:9" x14ac:dyDescent="0.25">
      <c r="A23" s="2" t="s">
        <v>33</v>
      </c>
      <c r="B23" s="4" t="s">
        <v>920</v>
      </c>
      <c r="C23" s="12">
        <v>0</v>
      </c>
      <c r="D23" s="12">
        <v>0</v>
      </c>
      <c r="E23" s="12">
        <v>0</v>
      </c>
      <c r="F23" s="12">
        <v>0</v>
      </c>
      <c r="G23" s="12">
        <v>0</v>
      </c>
      <c r="H23" s="12">
        <v>0</v>
      </c>
      <c r="I23" s="12">
        <v>0</v>
      </c>
    </row>
    <row r="24" spans="1:9" x14ac:dyDescent="0.25">
      <c r="A24" s="2" t="s">
        <v>35</v>
      </c>
      <c r="B24" s="4" t="s">
        <v>921</v>
      </c>
      <c r="C24" s="12">
        <v>2968300</v>
      </c>
      <c r="D24" s="12">
        <v>2967550.69</v>
      </c>
      <c r="E24" s="12">
        <v>2967550.69</v>
      </c>
      <c r="F24" s="12">
        <v>2967550.69</v>
      </c>
      <c r="G24" s="12">
        <v>0</v>
      </c>
      <c r="H24" s="12">
        <v>0</v>
      </c>
      <c r="I24" s="12">
        <v>749.31</v>
      </c>
    </row>
    <row r="25" spans="1:9" x14ac:dyDescent="0.25">
      <c r="A25" s="3" t="s">
        <v>37</v>
      </c>
      <c r="B25" s="5" t="s">
        <v>1025</v>
      </c>
      <c r="C25" s="11">
        <v>0</v>
      </c>
      <c r="D25" s="11">
        <v>0</v>
      </c>
      <c r="E25" s="11">
        <v>0</v>
      </c>
      <c r="F25" s="11">
        <v>0</v>
      </c>
      <c r="G25" s="11">
        <v>0</v>
      </c>
      <c r="H25" s="11">
        <v>0</v>
      </c>
      <c r="I25" s="11">
        <v>0</v>
      </c>
    </row>
    <row r="26" spans="1:9" x14ac:dyDescent="0.25">
      <c r="A26" s="2" t="s">
        <v>39</v>
      </c>
      <c r="B26" s="4" t="s">
        <v>1026</v>
      </c>
      <c r="C26" s="12">
        <v>0</v>
      </c>
      <c r="D26" s="12">
        <v>0</v>
      </c>
      <c r="E26" s="12">
        <v>0</v>
      </c>
      <c r="F26" s="12">
        <v>0</v>
      </c>
      <c r="G26" s="12">
        <v>0</v>
      </c>
      <c r="H26" s="12">
        <v>0</v>
      </c>
      <c r="I26" s="12">
        <v>0</v>
      </c>
    </row>
    <row r="28" spans="1:9" x14ac:dyDescent="0.25">
      <c r="A28" s="10" t="s">
        <v>6</v>
      </c>
      <c r="B28" s="10" t="s">
        <v>1027</v>
      </c>
      <c r="C28" s="10" t="s">
        <v>1028</v>
      </c>
      <c r="D28" s="10" t="s">
        <v>1029</v>
      </c>
      <c r="E28" s="10" t="s">
        <v>1030</v>
      </c>
    </row>
    <row r="29" spans="1:9" x14ac:dyDescent="0.25">
      <c r="A29" s="10" t="s">
        <v>7</v>
      </c>
      <c r="B29" s="10" t="s">
        <v>7</v>
      </c>
      <c r="C29" s="10" t="s">
        <v>7</v>
      </c>
      <c r="D29" s="10" t="s">
        <v>7</v>
      </c>
      <c r="E29" s="10" t="s">
        <v>7</v>
      </c>
    </row>
    <row r="30" spans="1:9" x14ac:dyDescent="0.25">
      <c r="A30" s="2" t="s">
        <v>41</v>
      </c>
      <c r="B30" s="4" t="s">
        <v>1031</v>
      </c>
      <c r="C30" s="12">
        <v>3601940.2</v>
      </c>
      <c r="D30" s="12">
        <v>-1416756.55</v>
      </c>
      <c r="E30" s="12">
        <v>2185183.65</v>
      </c>
    </row>
  </sheetData>
  <mergeCells count="25">
    <mergeCell ref="F18:F19"/>
    <mergeCell ref="G18:G19"/>
    <mergeCell ref="H18:H19"/>
    <mergeCell ref="I18:I19"/>
    <mergeCell ref="A28:A29"/>
    <mergeCell ref="B28:B29"/>
    <mergeCell ref="C28:C29"/>
    <mergeCell ref="D28:D29"/>
    <mergeCell ref="E28:E29"/>
    <mergeCell ref="A18:A19"/>
    <mergeCell ref="B18:B19"/>
    <mergeCell ref="C18:C19"/>
    <mergeCell ref="D18:D19"/>
    <mergeCell ref="E18:E19"/>
    <mergeCell ref="A9:I9"/>
    <mergeCell ref="A10:A11"/>
    <mergeCell ref="B10:B11"/>
    <mergeCell ref="C10:C11"/>
    <mergeCell ref="D10:D11"/>
    <mergeCell ref="E10:E11"/>
    <mergeCell ref="A3:I3"/>
    <mergeCell ref="A4:I4"/>
    <mergeCell ref="A5:I5"/>
    <mergeCell ref="A6:I6"/>
    <mergeCell ref="A7:I7"/>
  </mergeCells>
  <pageMargins left="0.7" right="0.7" top="0.75" bottom="0.75" header="0.3" footer="0.3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I121"/>
  <sheetViews>
    <sheetView showGridLines="0" workbookViewId="0"/>
  </sheetViews>
  <sheetFormatPr defaultRowHeight="15" x14ac:dyDescent="0.25"/>
  <cols>
    <col min="1" max="1" width="2.7109375" bestFit="1" customWidth="1"/>
    <col min="2" max="2" width="138.42578125" customWidth="1"/>
    <col min="3" max="3" width="20.42578125" bestFit="1" customWidth="1"/>
    <col min="4" max="4" width="34.5703125" bestFit="1" customWidth="1"/>
    <col min="5" max="5" width="22.5703125" bestFit="1" customWidth="1"/>
    <col min="6" max="6" width="16" bestFit="1" customWidth="1"/>
    <col min="7" max="7" width="19.140625" bestFit="1" customWidth="1"/>
    <col min="8" max="8" width="13" bestFit="1" customWidth="1"/>
    <col min="9" max="9" width="17.28515625" bestFit="1" customWidth="1"/>
  </cols>
  <sheetData>
    <row r="3" spans="1:9" x14ac:dyDescent="0.25">
      <c r="A3" s="6" t="s">
        <v>0</v>
      </c>
      <c r="B3" s="7"/>
      <c r="C3" s="7"/>
      <c r="D3" s="7"/>
      <c r="E3" s="7"/>
      <c r="F3" s="7"/>
      <c r="G3" s="7"/>
      <c r="H3" s="7"/>
      <c r="I3" s="7"/>
    </row>
    <row r="4" spans="1:9" x14ac:dyDescent="0.25">
      <c r="A4" s="6" t="s">
        <v>1</v>
      </c>
      <c r="B4" s="7"/>
      <c r="C4" s="7"/>
      <c r="D4" s="7"/>
      <c r="E4" s="7"/>
      <c r="F4" s="7"/>
      <c r="G4" s="7"/>
      <c r="H4" s="7"/>
      <c r="I4" s="7"/>
    </row>
    <row r="5" spans="1:9" x14ac:dyDescent="0.25">
      <c r="A5" s="8" t="s">
        <v>1032</v>
      </c>
      <c r="B5" s="7"/>
      <c r="C5" s="7"/>
      <c r="D5" s="7"/>
      <c r="E5" s="7"/>
      <c r="F5" s="7"/>
      <c r="G5" s="7"/>
      <c r="H5" s="7"/>
      <c r="I5" s="7"/>
    </row>
    <row r="6" spans="1:9" x14ac:dyDescent="0.25">
      <c r="A6" s="6" t="s">
        <v>3</v>
      </c>
      <c r="B6" s="7"/>
      <c r="C6" s="7"/>
      <c r="D6" s="7"/>
      <c r="E6" s="7"/>
      <c r="F6" s="7"/>
      <c r="G6" s="7"/>
      <c r="H6" s="7"/>
      <c r="I6" s="7"/>
    </row>
    <row r="7" spans="1:9" x14ac:dyDescent="0.25">
      <c r="A7" s="6" t="s">
        <v>4</v>
      </c>
      <c r="B7" s="7"/>
      <c r="C7" s="7"/>
      <c r="D7" s="7"/>
      <c r="E7" s="7"/>
      <c r="F7" s="7"/>
      <c r="G7" s="7"/>
      <c r="H7" s="7"/>
      <c r="I7" s="7"/>
    </row>
    <row r="9" spans="1:9" x14ac:dyDescent="0.25">
      <c r="A9" s="9" t="s">
        <v>1033</v>
      </c>
      <c r="B9" s="7"/>
      <c r="C9" s="7"/>
      <c r="D9" s="7"/>
      <c r="E9" s="7"/>
      <c r="F9" s="7"/>
      <c r="G9" s="7"/>
      <c r="H9" s="7"/>
      <c r="I9" s="7"/>
    </row>
    <row r="10" spans="1:9" x14ac:dyDescent="0.25">
      <c r="A10" s="10" t="s">
        <v>6</v>
      </c>
      <c r="B10" s="10" t="s">
        <v>1034</v>
      </c>
      <c r="C10" s="10" t="s">
        <v>9</v>
      </c>
      <c r="D10" s="10" t="s">
        <v>10</v>
      </c>
      <c r="E10" s="10" t="s">
        <v>11</v>
      </c>
      <c r="F10" s="10" t="s">
        <v>11</v>
      </c>
    </row>
    <row r="11" spans="1:9" ht="21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" t="s">
        <v>373</v>
      </c>
      <c r="F11" s="1" t="s">
        <v>1035</v>
      </c>
    </row>
    <row r="12" spans="1:9" x14ac:dyDescent="0.25">
      <c r="A12" s="3" t="s">
        <v>17</v>
      </c>
      <c r="B12" s="5" t="s">
        <v>1036</v>
      </c>
      <c r="C12" s="11">
        <v>10687148600</v>
      </c>
      <c r="D12" s="11">
        <v>10689965940</v>
      </c>
      <c r="E12" s="11">
        <v>10877384308.780001</v>
      </c>
      <c r="F12" s="11">
        <v>101.75</v>
      </c>
    </row>
    <row r="13" spans="1:9" x14ac:dyDescent="0.25">
      <c r="A13" s="2" t="s">
        <v>19</v>
      </c>
      <c r="B13" s="4" t="s">
        <v>1037</v>
      </c>
      <c r="C13" s="12">
        <v>142311600</v>
      </c>
      <c r="D13" s="12">
        <v>142311600</v>
      </c>
      <c r="E13" s="12">
        <v>177874489.5</v>
      </c>
      <c r="F13" s="12">
        <v>124.99</v>
      </c>
    </row>
    <row r="14" spans="1:9" x14ac:dyDescent="0.25">
      <c r="A14" s="2" t="s">
        <v>21</v>
      </c>
      <c r="B14" s="4" t="s">
        <v>1038</v>
      </c>
      <c r="C14" s="12">
        <v>8823338900</v>
      </c>
      <c r="D14" s="12">
        <v>8826156240</v>
      </c>
      <c r="E14" s="12">
        <v>8991270824.3799992</v>
      </c>
      <c r="F14" s="12">
        <v>101.87</v>
      </c>
    </row>
    <row r="15" spans="1:9" x14ac:dyDescent="0.25">
      <c r="A15" s="2" t="s">
        <v>23</v>
      </c>
      <c r="B15" s="4" t="s">
        <v>1039</v>
      </c>
      <c r="C15" s="12">
        <v>657265100</v>
      </c>
      <c r="D15" s="12">
        <v>657265100</v>
      </c>
      <c r="E15" s="12">
        <v>662147612.02999997</v>
      </c>
      <c r="F15" s="12">
        <v>100.74</v>
      </c>
    </row>
    <row r="16" spans="1:9" x14ac:dyDescent="0.25">
      <c r="A16" s="2" t="s">
        <v>25</v>
      </c>
      <c r="B16" s="4" t="s">
        <v>1040</v>
      </c>
      <c r="C16" s="12">
        <v>949714500</v>
      </c>
      <c r="D16" s="12">
        <v>949714500</v>
      </c>
      <c r="E16" s="12">
        <v>877420689.13</v>
      </c>
      <c r="F16" s="12">
        <v>92.39</v>
      </c>
    </row>
    <row r="17" spans="1:6" x14ac:dyDescent="0.25">
      <c r="A17" s="2" t="s">
        <v>27</v>
      </c>
      <c r="B17" s="4" t="s">
        <v>1041</v>
      </c>
      <c r="C17" s="12">
        <v>76242000</v>
      </c>
      <c r="D17" s="12">
        <v>76242000</v>
      </c>
      <c r="E17" s="12">
        <v>88932908.310000002</v>
      </c>
      <c r="F17" s="12">
        <v>116.65</v>
      </c>
    </row>
    <row r="18" spans="1:6" x14ac:dyDescent="0.25">
      <c r="A18" s="2" t="s">
        <v>29</v>
      </c>
      <c r="B18" s="4" t="s">
        <v>1042</v>
      </c>
      <c r="C18" s="12">
        <v>38276500</v>
      </c>
      <c r="D18" s="12">
        <v>38276500</v>
      </c>
      <c r="E18" s="12">
        <v>79737785.430000007</v>
      </c>
      <c r="F18" s="12">
        <v>208.32</v>
      </c>
    </row>
    <row r="19" spans="1:6" x14ac:dyDescent="0.25">
      <c r="A19" s="2" t="s">
        <v>31</v>
      </c>
      <c r="B19" s="4" t="s">
        <v>1043</v>
      </c>
      <c r="C19" s="12">
        <v>0</v>
      </c>
      <c r="D19" s="12">
        <v>0</v>
      </c>
      <c r="E19" s="12">
        <v>0</v>
      </c>
      <c r="F19" s="12">
        <v>0</v>
      </c>
    </row>
    <row r="20" spans="1:6" x14ac:dyDescent="0.25">
      <c r="A20" s="3" t="s">
        <v>33</v>
      </c>
      <c r="B20" s="5" t="s">
        <v>1044</v>
      </c>
      <c r="C20" s="11">
        <v>1342751200</v>
      </c>
      <c r="D20" s="11">
        <v>1342751200</v>
      </c>
      <c r="E20" s="11">
        <v>1438941241.2</v>
      </c>
      <c r="F20" s="11">
        <v>107.16</v>
      </c>
    </row>
    <row r="21" spans="1:6" x14ac:dyDescent="0.25">
      <c r="A21" s="2" t="s">
        <v>35</v>
      </c>
      <c r="B21" s="4" t="s">
        <v>641</v>
      </c>
      <c r="C21" s="12">
        <v>1218808000</v>
      </c>
      <c r="D21" s="12">
        <v>1218808000</v>
      </c>
      <c r="E21" s="12">
        <v>1332992458.23</v>
      </c>
      <c r="F21" s="12">
        <v>109.37</v>
      </c>
    </row>
    <row r="22" spans="1:6" x14ac:dyDescent="0.25">
      <c r="A22" s="2" t="s">
        <v>37</v>
      </c>
      <c r="B22" s="4" t="s">
        <v>1045</v>
      </c>
      <c r="C22" s="12">
        <v>105726200</v>
      </c>
      <c r="D22" s="12">
        <v>105726200</v>
      </c>
      <c r="E22" s="12">
        <v>105948782.97</v>
      </c>
      <c r="F22" s="12">
        <v>100.21</v>
      </c>
    </row>
    <row r="23" spans="1:6" x14ac:dyDescent="0.25">
      <c r="A23" s="3" t="s">
        <v>39</v>
      </c>
      <c r="B23" s="5" t="s">
        <v>1046</v>
      </c>
      <c r="C23" s="11">
        <v>18217000</v>
      </c>
      <c r="D23" s="11">
        <v>18217000</v>
      </c>
      <c r="E23" s="11">
        <v>0</v>
      </c>
      <c r="F23" s="11">
        <v>0</v>
      </c>
    </row>
    <row r="24" spans="1:6" x14ac:dyDescent="0.25">
      <c r="A24" s="2" t="s">
        <v>41</v>
      </c>
      <c r="B24" s="4" t="s">
        <v>1047</v>
      </c>
      <c r="C24" s="12">
        <v>18217000</v>
      </c>
      <c r="D24" s="12">
        <v>18217000</v>
      </c>
      <c r="E24" s="12">
        <v>0</v>
      </c>
      <c r="F24" s="12">
        <v>0</v>
      </c>
    </row>
    <row r="25" spans="1:6" x14ac:dyDescent="0.25">
      <c r="A25" s="2" t="s">
        <v>43</v>
      </c>
      <c r="B25" s="4" t="s">
        <v>1048</v>
      </c>
      <c r="C25" s="12">
        <v>0</v>
      </c>
      <c r="D25" s="12">
        <v>0</v>
      </c>
      <c r="E25" s="12">
        <v>0</v>
      </c>
      <c r="F25" s="12">
        <v>0</v>
      </c>
    </row>
    <row r="26" spans="1:6" x14ac:dyDescent="0.25">
      <c r="A26" s="3" t="s">
        <v>45</v>
      </c>
      <c r="B26" s="5" t="s">
        <v>1049</v>
      </c>
      <c r="C26" s="11">
        <v>2577197800</v>
      </c>
      <c r="D26" s="11">
        <v>2577197800</v>
      </c>
      <c r="E26" s="11">
        <v>2640003696.8499999</v>
      </c>
      <c r="F26" s="11">
        <v>102.44</v>
      </c>
    </row>
    <row r="27" spans="1:6" x14ac:dyDescent="0.25">
      <c r="A27" s="2" t="s">
        <v>47</v>
      </c>
      <c r="B27" s="4" t="s">
        <v>1050</v>
      </c>
      <c r="C27" s="12">
        <v>2203160000</v>
      </c>
      <c r="D27" s="12">
        <v>2203160000</v>
      </c>
      <c r="E27" s="12">
        <v>2255485357.1399999</v>
      </c>
      <c r="F27" s="12">
        <v>102.38</v>
      </c>
    </row>
    <row r="28" spans="1:6" x14ac:dyDescent="0.25">
      <c r="A28" s="2" t="s">
        <v>49</v>
      </c>
      <c r="B28" s="4" t="s">
        <v>1051</v>
      </c>
      <c r="C28" s="12">
        <v>347606200</v>
      </c>
      <c r="D28" s="12">
        <v>347606200</v>
      </c>
      <c r="E28" s="12">
        <v>358031143.93000001</v>
      </c>
      <c r="F28" s="12">
        <v>103</v>
      </c>
    </row>
    <row r="29" spans="1:6" x14ac:dyDescent="0.25">
      <c r="A29" s="2" t="s">
        <v>51</v>
      </c>
      <c r="B29" s="4" t="s">
        <v>1052</v>
      </c>
      <c r="C29" s="12">
        <v>26431600</v>
      </c>
      <c r="D29" s="12">
        <v>26431600</v>
      </c>
      <c r="E29" s="12">
        <v>26487195.780000001</v>
      </c>
      <c r="F29" s="12">
        <v>100.21</v>
      </c>
    </row>
    <row r="30" spans="1:6" x14ac:dyDescent="0.25">
      <c r="A30" s="3" t="s">
        <v>53</v>
      </c>
      <c r="B30" s="5" t="s">
        <v>1053</v>
      </c>
      <c r="C30" s="11">
        <v>9452702000</v>
      </c>
      <c r="D30" s="11">
        <v>9455519340</v>
      </c>
      <c r="E30" s="11">
        <v>9676321853.1299992</v>
      </c>
      <c r="F30" s="11">
        <v>102.34</v>
      </c>
    </row>
    <row r="32" spans="1:6" x14ac:dyDescent="0.25">
      <c r="A32" s="10" t="s">
        <v>6</v>
      </c>
      <c r="B32" s="10" t="s">
        <v>1054</v>
      </c>
      <c r="C32" s="10" t="s">
        <v>9</v>
      </c>
      <c r="D32" s="10" t="s">
        <v>1055</v>
      </c>
      <c r="E32" s="10" t="s">
        <v>11</v>
      </c>
      <c r="F32" s="10" t="s">
        <v>11</v>
      </c>
    </row>
    <row r="33" spans="1:9" ht="21" x14ac:dyDescent="0.25">
      <c r="A33" s="10" t="s">
        <v>7</v>
      </c>
      <c r="B33" s="10" t="s">
        <v>7</v>
      </c>
      <c r="C33" s="10" t="s">
        <v>7</v>
      </c>
      <c r="D33" s="10" t="s">
        <v>7</v>
      </c>
      <c r="E33" s="1" t="s">
        <v>376</v>
      </c>
      <c r="F33" s="1" t="s">
        <v>1056</v>
      </c>
    </row>
    <row r="34" spans="1:9" x14ac:dyDescent="0.25">
      <c r="A34" s="3" t="s">
        <v>55</v>
      </c>
      <c r="B34" s="5" t="s">
        <v>1057</v>
      </c>
      <c r="C34" s="11">
        <v>320764500</v>
      </c>
      <c r="D34" s="11">
        <v>320764500</v>
      </c>
      <c r="E34" s="11">
        <v>215078787.81999999</v>
      </c>
      <c r="F34" s="11">
        <v>67.05</v>
      </c>
    </row>
    <row r="35" spans="1:9" x14ac:dyDescent="0.25">
      <c r="A35" s="2" t="s">
        <v>57</v>
      </c>
      <c r="B35" s="4" t="s">
        <v>1058</v>
      </c>
      <c r="C35" s="12">
        <v>251447800</v>
      </c>
      <c r="D35" s="12">
        <v>251447800</v>
      </c>
      <c r="E35" s="12">
        <v>154202508.40000001</v>
      </c>
      <c r="F35" s="12">
        <v>61.33</v>
      </c>
    </row>
    <row r="36" spans="1:9" x14ac:dyDescent="0.25">
      <c r="A36" s="2" t="s">
        <v>59</v>
      </c>
      <c r="B36" s="4" t="s">
        <v>1059</v>
      </c>
      <c r="C36" s="12">
        <v>0</v>
      </c>
      <c r="D36" s="12">
        <v>0</v>
      </c>
      <c r="E36" s="12">
        <v>0</v>
      </c>
      <c r="F36" s="12">
        <v>0</v>
      </c>
    </row>
    <row r="37" spans="1:9" x14ac:dyDescent="0.25">
      <c r="A37" s="2" t="s">
        <v>61</v>
      </c>
      <c r="B37" s="4" t="s">
        <v>1060</v>
      </c>
      <c r="C37" s="12">
        <v>0</v>
      </c>
      <c r="D37" s="12">
        <v>0</v>
      </c>
      <c r="E37" s="12">
        <v>0</v>
      </c>
      <c r="F37" s="12">
        <v>0</v>
      </c>
    </row>
    <row r="38" spans="1:9" x14ac:dyDescent="0.25">
      <c r="A38" s="2" t="s">
        <v>63</v>
      </c>
      <c r="B38" s="4" t="s">
        <v>1061</v>
      </c>
      <c r="C38" s="12">
        <v>69316700</v>
      </c>
      <c r="D38" s="12">
        <v>69316700</v>
      </c>
      <c r="E38" s="12">
        <v>60876279.420000002</v>
      </c>
      <c r="F38" s="12">
        <v>87.82</v>
      </c>
    </row>
    <row r="39" spans="1:9" x14ac:dyDescent="0.25">
      <c r="A39" s="2" t="s">
        <v>65</v>
      </c>
      <c r="B39" s="4" t="s">
        <v>1062</v>
      </c>
      <c r="C39" s="12">
        <v>155000</v>
      </c>
      <c r="D39" s="12">
        <v>155000</v>
      </c>
      <c r="E39" s="12">
        <v>202912.53</v>
      </c>
      <c r="F39" s="12">
        <v>130.91</v>
      </c>
    </row>
    <row r="40" spans="1:9" x14ac:dyDescent="0.25">
      <c r="A40" s="2" t="s">
        <v>67</v>
      </c>
      <c r="B40" s="4" t="s">
        <v>1063</v>
      </c>
      <c r="C40" s="12">
        <v>0</v>
      </c>
      <c r="D40" s="12">
        <v>0</v>
      </c>
      <c r="E40" s="12">
        <v>0</v>
      </c>
      <c r="F40" s="12">
        <v>0</v>
      </c>
    </row>
    <row r="41" spans="1:9" x14ac:dyDescent="0.25">
      <c r="A41" s="2" t="s">
        <v>69</v>
      </c>
      <c r="B41" s="4" t="s">
        <v>1064</v>
      </c>
      <c r="C41" s="12">
        <v>170000</v>
      </c>
      <c r="D41" s="12">
        <v>170000</v>
      </c>
      <c r="E41" s="12">
        <v>16650</v>
      </c>
      <c r="F41" s="12">
        <v>9.7899999999999991</v>
      </c>
    </row>
    <row r="42" spans="1:9" x14ac:dyDescent="0.25">
      <c r="A42" s="3" t="s">
        <v>71</v>
      </c>
      <c r="B42" s="5" t="s">
        <v>1065</v>
      </c>
      <c r="C42" s="11">
        <v>321089500</v>
      </c>
      <c r="D42" s="11">
        <v>321089500</v>
      </c>
      <c r="E42" s="11">
        <v>215298350.34999999</v>
      </c>
      <c r="F42" s="11">
        <v>67.05</v>
      </c>
    </row>
    <row r="44" spans="1:9" x14ac:dyDescent="0.25">
      <c r="A44" s="10" t="s">
        <v>6</v>
      </c>
      <c r="B44" s="10" t="s">
        <v>1066</v>
      </c>
      <c r="C44" s="10" t="s">
        <v>371</v>
      </c>
      <c r="D44" s="10" t="s">
        <v>167</v>
      </c>
      <c r="E44" s="10" t="s">
        <v>168</v>
      </c>
      <c r="F44" s="10" t="s">
        <v>7</v>
      </c>
      <c r="G44" s="10" t="s">
        <v>172</v>
      </c>
      <c r="H44" s="10" t="s">
        <v>7</v>
      </c>
      <c r="I44" s="10" t="s">
        <v>1069</v>
      </c>
    </row>
    <row r="45" spans="1:9" ht="21" x14ac:dyDescent="0.25">
      <c r="A45" s="10" t="s">
        <v>7</v>
      </c>
      <c r="B45" s="10" t="s">
        <v>7</v>
      </c>
      <c r="C45" s="10" t="s">
        <v>7</v>
      </c>
      <c r="D45" s="10" t="s">
        <v>7</v>
      </c>
      <c r="E45" s="1" t="s">
        <v>170</v>
      </c>
      <c r="F45" s="1" t="s">
        <v>1067</v>
      </c>
      <c r="G45" s="1" t="s">
        <v>832</v>
      </c>
      <c r="H45" s="1" t="s">
        <v>1068</v>
      </c>
      <c r="I45" s="10" t="s">
        <v>7</v>
      </c>
    </row>
    <row r="46" spans="1:9" x14ac:dyDescent="0.25">
      <c r="A46" s="3" t="s">
        <v>73</v>
      </c>
      <c r="B46" s="5" t="s">
        <v>351</v>
      </c>
      <c r="C46" s="11">
        <v>1358219500</v>
      </c>
      <c r="D46" s="11">
        <v>1624438783.8099999</v>
      </c>
      <c r="E46" s="11">
        <v>1535389817.3099999</v>
      </c>
      <c r="F46" s="11">
        <v>94.52</v>
      </c>
      <c r="G46" s="11">
        <v>1443774343.53</v>
      </c>
      <c r="H46" s="11">
        <v>88.88</v>
      </c>
      <c r="I46" s="11">
        <v>91615473.780000001</v>
      </c>
    </row>
    <row r="47" spans="1:9" x14ac:dyDescent="0.25">
      <c r="A47" s="2" t="s">
        <v>75</v>
      </c>
      <c r="B47" s="4" t="s">
        <v>1070</v>
      </c>
      <c r="C47" s="12">
        <v>406341700</v>
      </c>
      <c r="D47" s="12">
        <v>369977590.60000002</v>
      </c>
      <c r="E47" s="12">
        <v>366618619.51999998</v>
      </c>
      <c r="F47" s="12">
        <v>99.09</v>
      </c>
      <c r="G47" s="12">
        <v>365779405.54000002</v>
      </c>
      <c r="H47" s="12">
        <v>98.87</v>
      </c>
      <c r="I47" s="12">
        <v>839213.98</v>
      </c>
    </row>
    <row r="48" spans="1:9" x14ac:dyDescent="0.25">
      <c r="A48" s="2" t="s">
        <v>77</v>
      </c>
      <c r="B48" s="4" t="s">
        <v>1071</v>
      </c>
      <c r="C48" s="12">
        <v>213600</v>
      </c>
      <c r="D48" s="12">
        <v>183764</v>
      </c>
      <c r="E48" s="12">
        <v>183763.46</v>
      </c>
      <c r="F48" s="12">
        <v>100</v>
      </c>
      <c r="G48" s="12">
        <v>183763.46</v>
      </c>
      <c r="H48" s="12">
        <v>100</v>
      </c>
      <c r="I48" s="12">
        <v>0</v>
      </c>
    </row>
    <row r="49" spans="1:9" x14ac:dyDescent="0.25">
      <c r="A49" s="2" t="s">
        <v>79</v>
      </c>
      <c r="B49" s="4" t="s">
        <v>1072</v>
      </c>
      <c r="C49" s="12">
        <v>951664200</v>
      </c>
      <c r="D49" s="12">
        <v>1254277429.21</v>
      </c>
      <c r="E49" s="12">
        <v>1168587434.3299999</v>
      </c>
      <c r="F49" s="12">
        <v>93.17</v>
      </c>
      <c r="G49" s="12">
        <v>1077811174.53</v>
      </c>
      <c r="H49" s="12">
        <v>85.93</v>
      </c>
      <c r="I49" s="12">
        <v>90776259.799999997</v>
      </c>
    </row>
    <row r="50" spans="1:9" x14ac:dyDescent="0.25">
      <c r="A50" s="3" t="s">
        <v>81</v>
      </c>
      <c r="B50" s="5" t="s">
        <v>359</v>
      </c>
      <c r="C50" s="11">
        <v>111003300</v>
      </c>
      <c r="D50" s="11">
        <v>138743013</v>
      </c>
      <c r="E50" s="11">
        <v>50654788.049999997</v>
      </c>
      <c r="F50" s="11">
        <v>36.51</v>
      </c>
      <c r="G50" s="11">
        <v>22890814.760000002</v>
      </c>
      <c r="H50" s="11">
        <v>16.5</v>
      </c>
      <c r="I50" s="11">
        <v>27763973.289999999</v>
      </c>
    </row>
    <row r="51" spans="1:9" x14ac:dyDescent="0.25">
      <c r="A51" s="2" t="s">
        <v>83</v>
      </c>
      <c r="B51" s="4" t="s">
        <v>919</v>
      </c>
      <c r="C51" s="12">
        <v>110806700</v>
      </c>
      <c r="D51" s="12">
        <v>138546413</v>
      </c>
      <c r="E51" s="12">
        <v>50458424.609999999</v>
      </c>
      <c r="F51" s="12">
        <v>36.42</v>
      </c>
      <c r="G51" s="12">
        <v>22694451.32</v>
      </c>
      <c r="H51" s="12">
        <v>16.38</v>
      </c>
      <c r="I51" s="12">
        <v>27763973.289999999</v>
      </c>
    </row>
    <row r="52" spans="1:9" x14ac:dyDescent="0.25">
      <c r="A52" s="2" t="s">
        <v>85</v>
      </c>
      <c r="B52" s="4" t="s">
        <v>920</v>
      </c>
      <c r="C52" s="12">
        <v>200</v>
      </c>
      <c r="D52" s="12">
        <v>200</v>
      </c>
      <c r="E52" s="12">
        <v>0</v>
      </c>
      <c r="F52" s="12">
        <v>0</v>
      </c>
      <c r="G52" s="12">
        <v>0</v>
      </c>
      <c r="H52" s="12">
        <v>0</v>
      </c>
      <c r="I52" s="12">
        <v>0</v>
      </c>
    </row>
    <row r="53" spans="1:9" x14ac:dyDescent="0.25">
      <c r="A53" s="2" t="s">
        <v>87</v>
      </c>
      <c r="B53" s="4" t="s">
        <v>921</v>
      </c>
      <c r="C53" s="12">
        <v>196400</v>
      </c>
      <c r="D53" s="12">
        <v>196400</v>
      </c>
      <c r="E53" s="12">
        <v>196363.44</v>
      </c>
      <c r="F53" s="12">
        <v>99.98</v>
      </c>
      <c r="G53" s="12">
        <v>196363.44</v>
      </c>
      <c r="H53" s="12">
        <v>99.98</v>
      </c>
      <c r="I53" s="12">
        <v>0</v>
      </c>
    </row>
    <row r="54" spans="1:9" x14ac:dyDescent="0.25">
      <c r="A54" s="3" t="s">
        <v>89</v>
      </c>
      <c r="B54" s="5" t="s">
        <v>1073</v>
      </c>
      <c r="C54" s="11">
        <v>1469222800</v>
      </c>
      <c r="D54" s="11">
        <v>1763181796.8099999</v>
      </c>
      <c r="E54" s="11">
        <v>1586044605.3599999</v>
      </c>
      <c r="F54" s="11">
        <v>89.95</v>
      </c>
      <c r="G54" s="11">
        <v>1466665158.29</v>
      </c>
      <c r="H54" s="11">
        <v>83.18</v>
      </c>
      <c r="I54" s="11">
        <v>119379447.06999999</v>
      </c>
    </row>
    <row r="56" spans="1:9" x14ac:dyDescent="0.25">
      <c r="A56" s="10" t="s">
        <v>6</v>
      </c>
      <c r="B56" s="10" t="s">
        <v>1074</v>
      </c>
      <c r="C56" s="10" t="s">
        <v>371</v>
      </c>
      <c r="D56" s="10" t="s">
        <v>562</v>
      </c>
      <c r="E56" s="10" t="s">
        <v>168</v>
      </c>
      <c r="F56" s="10" t="s">
        <v>7</v>
      </c>
      <c r="G56" s="10" t="s">
        <v>172</v>
      </c>
      <c r="H56" s="10" t="s">
        <v>7</v>
      </c>
      <c r="I56" s="10" t="s">
        <v>1069</v>
      </c>
    </row>
    <row r="57" spans="1:9" ht="21" x14ac:dyDescent="0.25">
      <c r="A57" s="10" t="s">
        <v>7</v>
      </c>
      <c r="B57" s="10" t="s">
        <v>7</v>
      </c>
      <c r="C57" s="10" t="s">
        <v>7</v>
      </c>
      <c r="D57" s="10" t="s">
        <v>7</v>
      </c>
      <c r="E57" s="1" t="s">
        <v>174</v>
      </c>
      <c r="F57" s="1" t="s">
        <v>1075</v>
      </c>
      <c r="G57" s="1" t="s">
        <v>1076</v>
      </c>
      <c r="H57" s="1" t="s">
        <v>1077</v>
      </c>
      <c r="I57" s="10" t="s">
        <v>7</v>
      </c>
    </row>
    <row r="58" spans="1:9" x14ac:dyDescent="0.25">
      <c r="A58" s="2" t="s">
        <v>91</v>
      </c>
      <c r="B58" s="4" t="s">
        <v>1078</v>
      </c>
      <c r="C58" s="12">
        <v>0</v>
      </c>
      <c r="D58" s="12">
        <v>0</v>
      </c>
      <c r="E58" s="12">
        <v>0</v>
      </c>
      <c r="F58" s="12">
        <v>0</v>
      </c>
      <c r="G58" s="12">
        <v>0</v>
      </c>
      <c r="H58" s="12">
        <v>0</v>
      </c>
      <c r="I58" s="12">
        <v>0</v>
      </c>
    </row>
    <row r="59" spans="1:9" x14ac:dyDescent="0.25">
      <c r="A59" s="2" t="s">
        <v>93</v>
      </c>
      <c r="B59" s="4" t="s">
        <v>1079</v>
      </c>
      <c r="C59" s="12">
        <v>0</v>
      </c>
      <c r="D59" s="12">
        <v>0</v>
      </c>
      <c r="E59" s="12">
        <v>0</v>
      </c>
      <c r="F59" s="12">
        <v>0</v>
      </c>
      <c r="G59" s="12">
        <v>0</v>
      </c>
      <c r="H59" s="12">
        <v>0</v>
      </c>
      <c r="I59" s="12">
        <v>0</v>
      </c>
    </row>
    <row r="60" spans="1:9" x14ac:dyDescent="0.25">
      <c r="A60" s="3" t="s">
        <v>95</v>
      </c>
      <c r="B60" s="5" t="s">
        <v>1080</v>
      </c>
      <c r="C60" s="11">
        <v>331877700</v>
      </c>
      <c r="D60" s="11">
        <v>364217179</v>
      </c>
      <c r="E60" s="11">
        <v>227512724.94</v>
      </c>
      <c r="F60" s="11">
        <v>14.34</v>
      </c>
      <c r="G60" s="11">
        <v>190264398.30000001</v>
      </c>
      <c r="H60" s="11">
        <v>12.97</v>
      </c>
      <c r="I60" s="11">
        <v>37248326.640000001</v>
      </c>
    </row>
    <row r="61" spans="1:9" x14ac:dyDescent="0.25">
      <c r="A61" s="2" t="s">
        <v>97</v>
      </c>
      <c r="B61" s="4" t="s">
        <v>1081</v>
      </c>
      <c r="C61" s="12">
        <v>255134500</v>
      </c>
      <c r="D61" s="12">
        <v>255134500</v>
      </c>
      <c r="E61" s="12">
        <v>162443691.33000001</v>
      </c>
      <c r="F61" s="12">
        <v>10.24</v>
      </c>
      <c r="G61" s="12">
        <v>139747783.50999999</v>
      </c>
      <c r="H61" s="12">
        <v>9.5299999999999994</v>
      </c>
      <c r="I61" s="12">
        <v>22695907.82</v>
      </c>
    </row>
    <row r="62" spans="1:9" x14ac:dyDescent="0.25">
      <c r="A62" s="2" t="s">
        <v>99</v>
      </c>
      <c r="B62" s="4" t="s">
        <v>1082</v>
      </c>
      <c r="C62" s="12">
        <v>10788200</v>
      </c>
      <c r="D62" s="12">
        <v>43127679</v>
      </c>
      <c r="E62" s="12">
        <v>11821467.380000001</v>
      </c>
      <c r="F62" s="12">
        <v>0.75</v>
      </c>
      <c r="G62" s="12">
        <v>7808922.5999999996</v>
      </c>
      <c r="H62" s="12">
        <v>0.53</v>
      </c>
      <c r="I62" s="12">
        <v>4012544.78</v>
      </c>
    </row>
    <row r="63" spans="1:9" x14ac:dyDescent="0.25">
      <c r="A63" s="2" t="s">
        <v>101</v>
      </c>
      <c r="B63" s="4" t="s">
        <v>1083</v>
      </c>
      <c r="C63" s="12">
        <v>65955000</v>
      </c>
      <c r="D63" s="12">
        <v>65955000</v>
      </c>
      <c r="E63" s="12">
        <v>53247566.229999997</v>
      </c>
      <c r="F63" s="12">
        <v>3.36</v>
      </c>
      <c r="G63" s="12">
        <v>42707692.189999998</v>
      </c>
      <c r="H63" s="12">
        <v>2.91</v>
      </c>
      <c r="I63" s="12">
        <v>10539874.039999999</v>
      </c>
    </row>
    <row r="64" spans="1:9" x14ac:dyDescent="0.25">
      <c r="A64" s="2" t="s">
        <v>103</v>
      </c>
      <c r="B64" s="4" t="s">
        <v>1084</v>
      </c>
      <c r="C64" s="12">
        <v>0</v>
      </c>
      <c r="D64" s="12">
        <v>0</v>
      </c>
      <c r="E64" s="12">
        <v>0</v>
      </c>
      <c r="F64" s="12">
        <v>0</v>
      </c>
      <c r="G64" s="12">
        <v>0</v>
      </c>
      <c r="H64" s="12">
        <v>0</v>
      </c>
      <c r="I64" s="12">
        <v>0</v>
      </c>
    </row>
    <row r="65" spans="1:9" x14ac:dyDescent="0.25">
      <c r="A65" s="2" t="s">
        <v>105</v>
      </c>
      <c r="B65" s="4" t="s">
        <v>1085</v>
      </c>
      <c r="C65" s="12">
        <v>0</v>
      </c>
      <c r="D65" s="12">
        <v>0</v>
      </c>
      <c r="E65" s="12">
        <v>0</v>
      </c>
      <c r="F65" s="12">
        <v>0</v>
      </c>
      <c r="G65" s="12">
        <v>0</v>
      </c>
      <c r="H65" s="12">
        <v>0</v>
      </c>
      <c r="I65" s="12">
        <v>0</v>
      </c>
    </row>
    <row r="66" spans="1:9" x14ac:dyDescent="0.25">
      <c r="A66" s="2" t="s">
        <v>107</v>
      </c>
      <c r="B66" s="4" t="s">
        <v>1086</v>
      </c>
      <c r="C66" s="12">
        <v>0</v>
      </c>
      <c r="D66" s="12">
        <v>0</v>
      </c>
      <c r="E66" s="12">
        <v>0</v>
      </c>
      <c r="F66" s="12">
        <v>0</v>
      </c>
      <c r="G66" s="12">
        <v>0</v>
      </c>
      <c r="H66" s="12">
        <v>0</v>
      </c>
      <c r="I66" s="12">
        <v>0</v>
      </c>
    </row>
    <row r="67" spans="1:9" x14ac:dyDescent="0.25">
      <c r="A67" s="2" t="s">
        <v>109</v>
      </c>
      <c r="B67" s="4" t="s">
        <v>1087</v>
      </c>
      <c r="C67" s="12">
        <v>0</v>
      </c>
      <c r="D67" s="12">
        <v>0</v>
      </c>
      <c r="E67" s="12">
        <v>0</v>
      </c>
      <c r="F67" s="12">
        <v>0</v>
      </c>
      <c r="G67" s="12">
        <v>0</v>
      </c>
      <c r="H67" s="12">
        <v>0</v>
      </c>
      <c r="I67" s="12">
        <v>0</v>
      </c>
    </row>
    <row r="68" spans="1:9" x14ac:dyDescent="0.25">
      <c r="A68" s="3" t="s">
        <v>111</v>
      </c>
      <c r="B68" s="5" t="s">
        <v>1088</v>
      </c>
      <c r="C68" s="11">
        <v>331877700</v>
      </c>
      <c r="D68" s="11">
        <v>364217179</v>
      </c>
      <c r="E68" s="11">
        <v>227512724.94</v>
      </c>
      <c r="F68" s="11">
        <v>14.34</v>
      </c>
      <c r="G68" s="11">
        <v>190264398.30000001</v>
      </c>
      <c r="H68" s="11">
        <v>12.97</v>
      </c>
      <c r="I68" s="11">
        <v>37248326.640000001</v>
      </c>
    </row>
    <row r="70" spans="1:9" x14ac:dyDescent="0.25">
      <c r="A70" s="10" t="s">
        <v>6</v>
      </c>
      <c r="B70" s="10" t="s">
        <v>1089</v>
      </c>
      <c r="C70" s="10" t="s">
        <v>371</v>
      </c>
      <c r="D70" s="10" t="s">
        <v>562</v>
      </c>
      <c r="E70" s="10" t="s">
        <v>168</v>
      </c>
      <c r="F70" s="10" t="s">
        <v>7</v>
      </c>
      <c r="G70" s="10" t="s">
        <v>172</v>
      </c>
      <c r="H70" s="10" t="s">
        <v>7</v>
      </c>
      <c r="I70" s="10" t="s">
        <v>1069</v>
      </c>
    </row>
    <row r="71" spans="1:9" ht="21" x14ac:dyDescent="0.25">
      <c r="A71" s="10" t="s">
        <v>7</v>
      </c>
      <c r="B71" s="10" t="s">
        <v>7</v>
      </c>
      <c r="C71" s="10" t="s">
        <v>7</v>
      </c>
      <c r="D71" s="10" t="s">
        <v>7</v>
      </c>
      <c r="E71" s="1" t="s">
        <v>174</v>
      </c>
      <c r="F71" s="1" t="s">
        <v>1090</v>
      </c>
      <c r="G71" s="1" t="s">
        <v>1076</v>
      </c>
      <c r="H71" s="1" t="s">
        <v>1091</v>
      </c>
      <c r="I71" s="10" t="s">
        <v>7</v>
      </c>
    </row>
    <row r="72" spans="1:9" x14ac:dyDescent="0.25">
      <c r="A72" s="2" t="s">
        <v>113</v>
      </c>
      <c r="B72" s="4" t="s">
        <v>1092</v>
      </c>
      <c r="C72" s="12">
        <v>1137345100</v>
      </c>
      <c r="D72" s="12">
        <v>1398964617.8099999</v>
      </c>
      <c r="E72" s="12">
        <v>1358531880.4200001</v>
      </c>
      <c r="F72" s="12">
        <v>85.66</v>
      </c>
      <c r="G72" s="12">
        <v>1276400759.99</v>
      </c>
      <c r="H72" s="12">
        <v>87.03</v>
      </c>
      <c r="I72" s="12">
        <v>82131120.430000007</v>
      </c>
    </row>
    <row r="74" spans="1:9" x14ac:dyDescent="0.25">
      <c r="A74" s="10" t="s">
        <v>6</v>
      </c>
      <c r="B74" s="10" t="s">
        <v>1093</v>
      </c>
      <c r="C74" s="10" t="s">
        <v>688</v>
      </c>
    </row>
    <row r="75" spans="1:9" x14ac:dyDescent="0.25">
      <c r="A75" s="10" t="s">
        <v>7</v>
      </c>
      <c r="B75" s="10" t="s">
        <v>7</v>
      </c>
      <c r="C75" s="10" t="s">
        <v>7</v>
      </c>
    </row>
    <row r="76" spans="1:9" x14ac:dyDescent="0.25">
      <c r="A76" s="2" t="s">
        <v>115</v>
      </c>
      <c r="B76" s="4" t="s">
        <v>1094</v>
      </c>
      <c r="C76" s="12">
        <v>14.04</v>
      </c>
    </row>
    <row r="78" spans="1:9" x14ac:dyDescent="0.25">
      <c r="A78" s="10" t="s">
        <v>6</v>
      </c>
      <c r="B78" s="10" t="s">
        <v>1095</v>
      </c>
      <c r="C78" s="10" t="s">
        <v>688</v>
      </c>
    </row>
    <row r="79" spans="1:9" x14ac:dyDescent="0.25">
      <c r="A79" s="10" t="s">
        <v>7</v>
      </c>
      <c r="B79" s="10" t="s">
        <v>7</v>
      </c>
      <c r="C79" s="10" t="s">
        <v>7</v>
      </c>
    </row>
    <row r="80" spans="1:9" x14ac:dyDescent="0.25">
      <c r="A80" s="2" t="s">
        <v>117</v>
      </c>
      <c r="B80" s="4" t="s">
        <v>1096</v>
      </c>
      <c r="C80" s="12">
        <v>197373258.03999999</v>
      </c>
    </row>
    <row r="82" spans="1:7" x14ac:dyDescent="0.25">
      <c r="A82" s="10" t="s">
        <v>6</v>
      </c>
      <c r="B82" s="10" t="s">
        <v>1097</v>
      </c>
      <c r="C82" s="10" t="s">
        <v>1098</v>
      </c>
      <c r="D82" s="10" t="s">
        <v>1099</v>
      </c>
      <c r="E82" s="10" t="s">
        <v>1100</v>
      </c>
      <c r="F82" s="10" t="s">
        <v>1101</v>
      </c>
      <c r="G82" s="10" t="s">
        <v>1102</v>
      </c>
    </row>
    <row r="83" spans="1:7" x14ac:dyDescent="0.25">
      <c r="A83" s="10" t="s">
        <v>7</v>
      </c>
      <c r="B83" s="10" t="s">
        <v>7</v>
      </c>
      <c r="C83" s="10" t="s">
        <v>7</v>
      </c>
      <c r="D83" s="10" t="s">
        <v>7</v>
      </c>
      <c r="E83" s="10" t="s">
        <v>7</v>
      </c>
      <c r="F83" s="10" t="s">
        <v>7</v>
      </c>
      <c r="G83" s="10" t="s">
        <v>7</v>
      </c>
    </row>
    <row r="84" spans="1:7" x14ac:dyDescent="0.25">
      <c r="A84" s="2" t="s">
        <v>119</v>
      </c>
      <c r="B84" s="4" t="s">
        <v>1103</v>
      </c>
      <c r="C84" s="12">
        <v>0</v>
      </c>
      <c r="D84" s="12">
        <v>0</v>
      </c>
      <c r="E84" s="12">
        <v>0</v>
      </c>
      <c r="F84" s="12">
        <v>0</v>
      </c>
      <c r="G84" s="12">
        <v>0</v>
      </c>
    </row>
    <row r="85" spans="1:7" x14ac:dyDescent="0.25">
      <c r="A85" s="2" t="s">
        <v>120</v>
      </c>
      <c r="B85" s="4" t="s">
        <v>1104</v>
      </c>
      <c r="C85" s="12">
        <v>187884615.66999999</v>
      </c>
      <c r="D85" s="12">
        <v>4954980.34</v>
      </c>
      <c r="E85" s="12">
        <v>147242847.33000001</v>
      </c>
      <c r="F85" s="12">
        <v>35686788</v>
      </c>
      <c r="G85" s="12">
        <v>0</v>
      </c>
    </row>
    <row r="86" spans="1:7" x14ac:dyDescent="0.25">
      <c r="A86" s="2" t="s">
        <v>121</v>
      </c>
      <c r="B86" s="4" t="s">
        <v>1105</v>
      </c>
      <c r="C86" s="12">
        <v>54588728.18</v>
      </c>
      <c r="D86" s="12">
        <v>123536.08</v>
      </c>
      <c r="E86" s="12">
        <v>6451411.8600000003</v>
      </c>
      <c r="F86" s="12">
        <v>48013780.240000002</v>
      </c>
      <c r="G86" s="12">
        <v>0</v>
      </c>
    </row>
    <row r="87" spans="1:7" x14ac:dyDescent="0.25">
      <c r="A87" s="2" t="s">
        <v>122</v>
      </c>
      <c r="B87" s="4" t="s">
        <v>1106</v>
      </c>
      <c r="C87" s="12">
        <v>2733266.91</v>
      </c>
      <c r="D87" s="12">
        <v>91.67</v>
      </c>
      <c r="E87" s="12">
        <v>769107</v>
      </c>
      <c r="F87" s="12">
        <v>1964068.24</v>
      </c>
      <c r="G87" s="12">
        <v>0</v>
      </c>
    </row>
    <row r="88" spans="1:7" x14ac:dyDescent="0.25">
      <c r="A88" s="2" t="s">
        <v>123</v>
      </c>
      <c r="B88" s="4" t="s">
        <v>1107</v>
      </c>
      <c r="C88" s="12">
        <v>6259807.5899999999</v>
      </c>
      <c r="D88" s="12">
        <v>18113.66</v>
      </c>
      <c r="E88" s="12">
        <v>364.72</v>
      </c>
      <c r="F88" s="12">
        <v>6241329.21</v>
      </c>
      <c r="G88" s="12">
        <v>0</v>
      </c>
    </row>
    <row r="89" spans="1:7" x14ac:dyDescent="0.25">
      <c r="A89" s="2" t="s">
        <v>124</v>
      </c>
      <c r="B89" s="4" t="s">
        <v>1108</v>
      </c>
      <c r="C89" s="12">
        <v>1711716.34</v>
      </c>
      <c r="D89" s="12">
        <v>1708316.04</v>
      </c>
      <c r="E89" s="12">
        <v>0</v>
      </c>
      <c r="F89" s="12">
        <v>3400.3</v>
      </c>
      <c r="G89" s="12">
        <v>0</v>
      </c>
    </row>
    <row r="90" spans="1:7" x14ac:dyDescent="0.25">
      <c r="A90" s="3" t="s">
        <v>125</v>
      </c>
      <c r="B90" s="5" t="s">
        <v>1109</v>
      </c>
      <c r="C90" s="11">
        <v>253178134.69</v>
      </c>
      <c r="D90" s="11">
        <v>6805037.79</v>
      </c>
      <c r="E90" s="11">
        <v>154463730.91</v>
      </c>
      <c r="F90" s="11">
        <v>91909365.989999995</v>
      </c>
      <c r="G90" s="11">
        <v>0</v>
      </c>
    </row>
    <row r="92" spans="1:7" x14ac:dyDescent="0.25">
      <c r="A92" s="10" t="s">
        <v>6</v>
      </c>
      <c r="B92" s="10" t="s">
        <v>1110</v>
      </c>
      <c r="C92" s="10" t="s">
        <v>1111</v>
      </c>
      <c r="D92" s="10" t="s">
        <v>7</v>
      </c>
      <c r="E92" s="10" t="s">
        <v>1111</v>
      </c>
    </row>
    <row r="93" spans="1:7" ht="21" x14ac:dyDescent="0.25">
      <c r="A93" s="10" t="s">
        <v>7</v>
      </c>
      <c r="B93" s="10" t="s">
        <v>7</v>
      </c>
      <c r="C93" s="1" t="s">
        <v>1112</v>
      </c>
      <c r="D93" s="1" t="s">
        <v>1113</v>
      </c>
      <c r="E93" s="1" t="s">
        <v>1114</v>
      </c>
    </row>
    <row r="94" spans="1:7" x14ac:dyDescent="0.25">
      <c r="A94" s="2" t="s">
        <v>126</v>
      </c>
      <c r="B94" s="4" t="s">
        <v>1115</v>
      </c>
      <c r="C94" s="12">
        <v>0</v>
      </c>
      <c r="D94" s="12">
        <v>0</v>
      </c>
      <c r="E94" s="12">
        <v>0</v>
      </c>
    </row>
    <row r="95" spans="1:7" x14ac:dyDescent="0.25">
      <c r="A95" s="2" t="s">
        <v>127</v>
      </c>
      <c r="B95" s="4" t="s">
        <v>1116</v>
      </c>
      <c r="C95" s="12">
        <v>0</v>
      </c>
      <c r="D95" s="12">
        <v>0</v>
      </c>
      <c r="E95" s="12">
        <v>0</v>
      </c>
    </row>
    <row r="96" spans="1:7" x14ac:dyDescent="0.25">
      <c r="A96" s="2" t="s">
        <v>129</v>
      </c>
      <c r="B96" s="4" t="s">
        <v>1117</v>
      </c>
      <c r="C96" s="12">
        <v>0</v>
      </c>
      <c r="D96" s="12">
        <v>0</v>
      </c>
      <c r="E96" s="12">
        <v>0</v>
      </c>
    </row>
    <row r="97" spans="1:9" x14ac:dyDescent="0.25">
      <c r="A97" s="2" t="s">
        <v>131</v>
      </c>
      <c r="B97" s="4" t="s">
        <v>1118</v>
      </c>
      <c r="C97" s="12">
        <v>0</v>
      </c>
      <c r="D97" s="12">
        <v>0</v>
      </c>
      <c r="E97" s="12">
        <v>0</v>
      </c>
    </row>
    <row r="98" spans="1:9" x14ac:dyDescent="0.25">
      <c r="A98" s="2" t="s">
        <v>133</v>
      </c>
      <c r="B98" s="4" t="s">
        <v>1119</v>
      </c>
      <c r="C98" s="12">
        <v>0</v>
      </c>
      <c r="D98" s="12">
        <v>0</v>
      </c>
      <c r="E98" s="12">
        <v>0</v>
      </c>
    </row>
    <row r="99" spans="1:9" x14ac:dyDescent="0.25">
      <c r="A99" s="2" t="s">
        <v>135</v>
      </c>
      <c r="B99" s="4" t="s">
        <v>1108</v>
      </c>
      <c r="C99" s="12">
        <v>0</v>
      </c>
      <c r="D99" s="12">
        <v>0</v>
      </c>
      <c r="E99" s="12">
        <v>0</v>
      </c>
    </row>
    <row r="100" spans="1:9" x14ac:dyDescent="0.25">
      <c r="A100" s="3" t="s">
        <v>137</v>
      </c>
      <c r="B100" s="5" t="s">
        <v>1120</v>
      </c>
      <c r="C100" s="11">
        <v>0</v>
      </c>
      <c r="D100" s="11">
        <v>0</v>
      </c>
      <c r="E100" s="11">
        <v>0</v>
      </c>
    </row>
    <row r="102" spans="1:9" x14ac:dyDescent="0.25">
      <c r="A102" s="10" t="s">
        <v>6</v>
      </c>
      <c r="B102" s="10" t="s">
        <v>1121</v>
      </c>
      <c r="C102" s="10" t="s">
        <v>1122</v>
      </c>
      <c r="D102" s="10" t="s">
        <v>7</v>
      </c>
      <c r="E102" s="10" t="s">
        <v>1122</v>
      </c>
    </row>
    <row r="103" spans="1:9" ht="21" x14ac:dyDescent="0.25">
      <c r="A103" s="10" t="s">
        <v>7</v>
      </c>
      <c r="B103" s="10" t="s">
        <v>7</v>
      </c>
      <c r="C103" s="1" t="s">
        <v>1112</v>
      </c>
      <c r="D103" s="1" t="s">
        <v>1123</v>
      </c>
      <c r="E103" s="1" t="s">
        <v>1114</v>
      </c>
    </row>
    <row r="104" spans="1:9" x14ac:dyDescent="0.25">
      <c r="A104" s="2" t="s">
        <v>139</v>
      </c>
      <c r="B104" s="4" t="s">
        <v>1124</v>
      </c>
      <c r="C104" s="12">
        <v>0</v>
      </c>
      <c r="D104" s="12">
        <v>0</v>
      </c>
      <c r="E104" s="12">
        <v>0</v>
      </c>
    </row>
    <row r="105" spans="1:9" x14ac:dyDescent="0.25">
      <c r="A105" s="2" t="s">
        <v>141</v>
      </c>
      <c r="B105" s="4" t="s">
        <v>1125</v>
      </c>
      <c r="C105" s="12">
        <v>0</v>
      </c>
      <c r="D105" s="12">
        <v>0</v>
      </c>
      <c r="E105" s="12">
        <v>0</v>
      </c>
    </row>
    <row r="106" spans="1:9" x14ac:dyDescent="0.25">
      <c r="A106" s="2" t="s">
        <v>143</v>
      </c>
      <c r="B106" s="4" t="s">
        <v>1126</v>
      </c>
      <c r="C106" s="12">
        <v>0</v>
      </c>
      <c r="D106" s="12">
        <v>0</v>
      </c>
      <c r="E106" s="12">
        <v>0</v>
      </c>
    </row>
    <row r="107" spans="1:9" x14ac:dyDescent="0.25">
      <c r="A107" s="2" t="s">
        <v>145</v>
      </c>
      <c r="B107" s="4" t="s">
        <v>1127</v>
      </c>
      <c r="C107" s="12">
        <v>0</v>
      </c>
      <c r="D107" s="12">
        <v>0</v>
      </c>
      <c r="E107" s="12">
        <v>0</v>
      </c>
    </row>
    <row r="108" spans="1:9" x14ac:dyDescent="0.25">
      <c r="A108" s="2" t="s">
        <v>147</v>
      </c>
      <c r="B108" s="4" t="s">
        <v>1128</v>
      </c>
      <c r="C108" s="12">
        <v>0</v>
      </c>
      <c r="D108" s="12">
        <v>0</v>
      </c>
      <c r="E108" s="12">
        <v>0</v>
      </c>
    </row>
    <row r="109" spans="1:9" x14ac:dyDescent="0.25">
      <c r="A109" s="2" t="s">
        <v>149</v>
      </c>
      <c r="B109" s="4" t="s">
        <v>1129</v>
      </c>
      <c r="C109" s="12">
        <v>0</v>
      </c>
      <c r="D109" s="12">
        <v>0</v>
      </c>
      <c r="E109" s="12">
        <v>0</v>
      </c>
    </row>
    <row r="110" spans="1:9" x14ac:dyDescent="0.25">
      <c r="A110" s="3" t="s">
        <v>151</v>
      </c>
      <c r="B110" s="5" t="s">
        <v>1130</v>
      </c>
      <c r="C110" s="11">
        <v>0</v>
      </c>
      <c r="D110" s="11">
        <v>0</v>
      </c>
      <c r="E110" s="11">
        <v>0</v>
      </c>
    </row>
    <row r="112" spans="1:9" x14ac:dyDescent="0.25">
      <c r="A112" s="10" t="s">
        <v>6</v>
      </c>
      <c r="B112" s="10" t="s">
        <v>1131</v>
      </c>
      <c r="C112" s="10" t="s">
        <v>371</v>
      </c>
      <c r="D112" s="10" t="s">
        <v>562</v>
      </c>
      <c r="E112" s="10" t="s">
        <v>168</v>
      </c>
      <c r="F112" s="10" t="s">
        <v>7</v>
      </c>
      <c r="G112" s="10" t="s">
        <v>172</v>
      </c>
      <c r="H112" s="10" t="s">
        <v>7</v>
      </c>
      <c r="I112" s="10" t="s">
        <v>1069</v>
      </c>
    </row>
    <row r="113" spans="1:9" ht="21" x14ac:dyDescent="0.25">
      <c r="A113" s="10" t="s">
        <v>7</v>
      </c>
      <c r="B113" s="10" t="s">
        <v>7</v>
      </c>
      <c r="C113" s="10" t="s">
        <v>7</v>
      </c>
      <c r="D113" s="10" t="s">
        <v>7</v>
      </c>
      <c r="E113" s="1" t="s">
        <v>1132</v>
      </c>
      <c r="F113" s="1" t="s">
        <v>1133</v>
      </c>
      <c r="G113" s="1" t="s">
        <v>1134</v>
      </c>
      <c r="H113" s="1" t="s">
        <v>1135</v>
      </c>
      <c r="I113" s="10" t="s">
        <v>7</v>
      </c>
    </row>
    <row r="114" spans="1:9" x14ac:dyDescent="0.25">
      <c r="A114" s="2" t="s">
        <v>152</v>
      </c>
      <c r="B114" s="4" t="s">
        <v>1136</v>
      </c>
      <c r="C114" s="12">
        <v>112185500</v>
      </c>
      <c r="D114" s="12">
        <v>83399138</v>
      </c>
      <c r="E114" s="12">
        <v>78434935.219999999</v>
      </c>
      <c r="F114" s="12">
        <v>4.95</v>
      </c>
      <c r="G114" s="12">
        <v>72584217.700000003</v>
      </c>
      <c r="H114" s="12">
        <v>4.95</v>
      </c>
      <c r="I114" s="12">
        <v>5850717.5199999996</v>
      </c>
    </row>
    <row r="115" spans="1:9" x14ac:dyDescent="0.25">
      <c r="A115" s="2" t="s">
        <v>153</v>
      </c>
      <c r="B115" s="4" t="s">
        <v>1137</v>
      </c>
      <c r="C115" s="12">
        <v>588892600</v>
      </c>
      <c r="D115" s="12">
        <v>618239348</v>
      </c>
      <c r="E115" s="12">
        <v>487777338.92000002</v>
      </c>
      <c r="F115" s="12">
        <v>30.75</v>
      </c>
      <c r="G115" s="12">
        <v>413206141.99000001</v>
      </c>
      <c r="H115" s="12">
        <v>28.17</v>
      </c>
      <c r="I115" s="12">
        <v>74571196.930000007</v>
      </c>
    </row>
    <row r="116" spans="1:9" x14ac:dyDescent="0.25">
      <c r="A116" s="2" t="s">
        <v>155</v>
      </c>
      <c r="B116" s="4" t="s">
        <v>1138</v>
      </c>
      <c r="C116" s="12">
        <v>93010200</v>
      </c>
      <c r="D116" s="12">
        <v>87126892.349999994</v>
      </c>
      <c r="E116" s="12">
        <v>68196710.640000001</v>
      </c>
      <c r="F116" s="12">
        <v>4.3</v>
      </c>
      <c r="G116" s="12">
        <v>52250370.649999999</v>
      </c>
      <c r="H116" s="12">
        <v>3.56</v>
      </c>
      <c r="I116" s="12">
        <v>15946339.99</v>
      </c>
    </row>
    <row r="117" spans="1:9" x14ac:dyDescent="0.25">
      <c r="A117" s="2" t="s">
        <v>157</v>
      </c>
      <c r="B117" s="4" t="s">
        <v>1139</v>
      </c>
      <c r="C117" s="12">
        <v>0</v>
      </c>
      <c r="D117" s="12">
        <v>0</v>
      </c>
      <c r="E117" s="12">
        <v>0</v>
      </c>
      <c r="F117" s="12">
        <v>0</v>
      </c>
      <c r="G117" s="12">
        <v>0</v>
      </c>
      <c r="H117" s="12">
        <v>0</v>
      </c>
      <c r="I117" s="12">
        <v>0</v>
      </c>
    </row>
    <row r="118" spans="1:9" x14ac:dyDescent="0.25">
      <c r="A118" s="2" t="s">
        <v>159</v>
      </c>
      <c r="B118" s="4" t="s">
        <v>1140</v>
      </c>
      <c r="C118" s="12">
        <v>30813300</v>
      </c>
      <c r="D118" s="12">
        <v>32918197</v>
      </c>
      <c r="E118" s="12">
        <v>17927026.309999999</v>
      </c>
      <c r="F118" s="12">
        <v>1.1299999999999999</v>
      </c>
      <c r="G118" s="12">
        <v>15421847.41</v>
      </c>
      <c r="H118" s="12">
        <v>1.05</v>
      </c>
      <c r="I118" s="12">
        <v>2505178.9</v>
      </c>
    </row>
    <row r="119" spans="1:9" x14ac:dyDescent="0.25">
      <c r="A119" s="2" t="s">
        <v>161</v>
      </c>
      <c r="B119" s="4" t="s">
        <v>1141</v>
      </c>
      <c r="C119" s="12">
        <v>0</v>
      </c>
      <c r="D119" s="12">
        <v>0</v>
      </c>
      <c r="E119" s="12">
        <v>0</v>
      </c>
      <c r="F119" s="12">
        <v>0</v>
      </c>
      <c r="G119" s="12">
        <v>0</v>
      </c>
      <c r="H119" s="12">
        <v>0</v>
      </c>
      <c r="I119" s="12">
        <v>0</v>
      </c>
    </row>
    <row r="120" spans="1:9" x14ac:dyDescent="0.25">
      <c r="A120" s="2" t="s">
        <v>163</v>
      </c>
      <c r="B120" s="4" t="s">
        <v>1142</v>
      </c>
      <c r="C120" s="12">
        <v>644321200</v>
      </c>
      <c r="D120" s="12">
        <v>941498221.46000004</v>
      </c>
      <c r="E120" s="12">
        <v>933708594.26999998</v>
      </c>
      <c r="F120" s="12">
        <v>58.87</v>
      </c>
      <c r="G120" s="12">
        <v>913202580.53999996</v>
      </c>
      <c r="H120" s="12">
        <v>62.26</v>
      </c>
      <c r="I120" s="12">
        <v>20506013.73</v>
      </c>
    </row>
    <row r="121" spans="1:9" x14ac:dyDescent="0.25">
      <c r="A121" s="3" t="s">
        <v>178</v>
      </c>
      <c r="B121" s="5" t="s">
        <v>1109</v>
      </c>
      <c r="C121" s="11">
        <v>1469222800</v>
      </c>
      <c r="D121" s="11">
        <v>1763181796.8099999</v>
      </c>
      <c r="E121" s="11">
        <v>1586044605.3599999</v>
      </c>
      <c r="F121" s="11">
        <v>100</v>
      </c>
      <c r="G121" s="11">
        <v>1466665158.29</v>
      </c>
      <c r="H121" s="11">
        <v>100</v>
      </c>
      <c r="I121" s="11">
        <v>119379447.06999999</v>
      </c>
    </row>
  </sheetData>
  <mergeCells count="63">
    <mergeCell ref="G112:H112"/>
    <mergeCell ref="I112:I113"/>
    <mergeCell ref="A102:A103"/>
    <mergeCell ref="B102:B103"/>
    <mergeCell ref="C102:E102"/>
    <mergeCell ref="A112:A113"/>
    <mergeCell ref="B112:B113"/>
    <mergeCell ref="C112:C113"/>
    <mergeCell ref="D112:D113"/>
    <mergeCell ref="E112:F112"/>
    <mergeCell ref="D82:D83"/>
    <mergeCell ref="E82:E83"/>
    <mergeCell ref="F82:F83"/>
    <mergeCell ref="G82:G83"/>
    <mergeCell ref="A92:A93"/>
    <mergeCell ref="B92:B93"/>
    <mergeCell ref="C92:E92"/>
    <mergeCell ref="A78:A79"/>
    <mergeCell ref="B78:B79"/>
    <mergeCell ref="C78:C79"/>
    <mergeCell ref="A82:A83"/>
    <mergeCell ref="B82:B83"/>
    <mergeCell ref="C82:C83"/>
    <mergeCell ref="G70:H70"/>
    <mergeCell ref="I70:I71"/>
    <mergeCell ref="A74:A75"/>
    <mergeCell ref="B74:B75"/>
    <mergeCell ref="C74:C75"/>
    <mergeCell ref="A70:A71"/>
    <mergeCell ref="B70:B71"/>
    <mergeCell ref="C70:C71"/>
    <mergeCell ref="D70:D71"/>
    <mergeCell ref="E70:F70"/>
    <mergeCell ref="G44:H44"/>
    <mergeCell ref="I44:I45"/>
    <mergeCell ref="A56:A57"/>
    <mergeCell ref="B56:B57"/>
    <mergeCell ref="C56:C57"/>
    <mergeCell ref="D56:D57"/>
    <mergeCell ref="E56:F56"/>
    <mergeCell ref="G56:H56"/>
    <mergeCell ref="I56:I57"/>
    <mergeCell ref="A44:A45"/>
    <mergeCell ref="B44:B45"/>
    <mergeCell ref="C44:C45"/>
    <mergeCell ref="D44:D45"/>
    <mergeCell ref="E44:F44"/>
    <mergeCell ref="A32:A33"/>
    <mergeCell ref="B32:B33"/>
    <mergeCell ref="C32:C33"/>
    <mergeCell ref="D32:D33"/>
    <mergeCell ref="E32:F32"/>
    <mergeCell ref="A9:I9"/>
    <mergeCell ref="A10:A11"/>
    <mergeCell ref="B10:B11"/>
    <mergeCell ref="C10:C11"/>
    <mergeCell ref="D10:D11"/>
    <mergeCell ref="E10:F10"/>
    <mergeCell ref="A3:I3"/>
    <mergeCell ref="A4:I4"/>
    <mergeCell ref="A5:I5"/>
    <mergeCell ref="A6:I6"/>
    <mergeCell ref="A7:I7"/>
  </mergeCells>
  <pageMargins left="0.7" right="0.7" top="0.75" bottom="0.75" header="0.3" footer="0.3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M32"/>
  <sheetViews>
    <sheetView showGridLines="0" workbookViewId="0"/>
  </sheetViews>
  <sheetFormatPr defaultRowHeight="15" x14ac:dyDescent="0.25"/>
  <cols>
    <col min="1" max="1" width="2.42578125" bestFit="1" customWidth="1"/>
    <col min="2" max="2" width="38.28515625" bestFit="1" customWidth="1"/>
    <col min="3" max="4" width="18" bestFit="1" customWidth="1"/>
    <col min="5" max="5" width="12.28515625" bestFit="1" customWidth="1"/>
    <col min="6" max="13" width="9.28515625" bestFit="1" customWidth="1"/>
  </cols>
  <sheetData>
    <row r="3" spans="1:13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</row>
    <row r="4" spans="1:13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</row>
    <row r="5" spans="1:13" x14ac:dyDescent="0.25">
      <c r="A5" s="8" t="s">
        <v>1143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</row>
    <row r="6" spans="1:13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</row>
    <row r="7" spans="1:13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</row>
    <row r="9" spans="1:13" x14ac:dyDescent="0.25">
      <c r="A9" s="9" t="s">
        <v>1144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</row>
    <row r="10" spans="1:13" x14ac:dyDescent="0.25">
      <c r="A10" s="10" t="s">
        <v>6</v>
      </c>
      <c r="B10" s="10" t="s">
        <v>1145</v>
      </c>
      <c r="C10" s="10" t="s">
        <v>1146</v>
      </c>
      <c r="D10" s="10" t="s">
        <v>1147</v>
      </c>
      <c r="E10" s="10" t="s">
        <v>1147</v>
      </c>
    </row>
    <row r="11" spans="1:13" ht="21" x14ac:dyDescent="0.25">
      <c r="A11" s="10" t="s">
        <v>7</v>
      </c>
      <c r="B11" s="10" t="s">
        <v>7</v>
      </c>
      <c r="C11" s="10" t="s">
        <v>7</v>
      </c>
      <c r="D11" s="1" t="s">
        <v>169</v>
      </c>
      <c r="E11" s="1" t="s">
        <v>1148</v>
      </c>
    </row>
    <row r="12" spans="1:13" x14ac:dyDescent="0.25">
      <c r="A12" s="3" t="s">
        <v>17</v>
      </c>
      <c r="B12" s="5" t="s">
        <v>1149</v>
      </c>
      <c r="C12" s="11">
        <v>0</v>
      </c>
      <c r="D12" s="11">
        <v>0</v>
      </c>
      <c r="E12" s="11">
        <v>0</v>
      </c>
    </row>
    <row r="13" spans="1:13" x14ac:dyDescent="0.25">
      <c r="A13" s="2" t="s">
        <v>19</v>
      </c>
      <c r="B13" s="4" t="s">
        <v>1150</v>
      </c>
      <c r="C13" s="12">
        <v>0</v>
      </c>
      <c r="D13" s="12">
        <v>0</v>
      </c>
      <c r="E13" s="12">
        <v>0</v>
      </c>
    </row>
    <row r="14" spans="1:13" x14ac:dyDescent="0.25">
      <c r="A14" s="3" t="s">
        <v>21</v>
      </c>
      <c r="B14" s="5" t="s">
        <v>1151</v>
      </c>
      <c r="C14" s="11">
        <v>0</v>
      </c>
      <c r="D14" s="11">
        <v>0</v>
      </c>
      <c r="E14" s="11">
        <v>0</v>
      </c>
    </row>
    <row r="15" spans="1:13" x14ac:dyDescent="0.25">
      <c r="A15" s="2" t="s">
        <v>23</v>
      </c>
      <c r="B15" s="4" t="s">
        <v>1152</v>
      </c>
      <c r="C15" s="12">
        <v>0</v>
      </c>
      <c r="D15" s="12">
        <v>0</v>
      </c>
      <c r="E15" s="12">
        <v>0</v>
      </c>
    </row>
    <row r="16" spans="1:13" x14ac:dyDescent="0.25">
      <c r="A16" s="2" t="s">
        <v>25</v>
      </c>
      <c r="B16" s="4" t="s">
        <v>1153</v>
      </c>
      <c r="C16" s="12">
        <v>0</v>
      </c>
      <c r="D16" s="12">
        <v>0</v>
      </c>
      <c r="E16" s="12">
        <v>0</v>
      </c>
    </row>
    <row r="17" spans="1:13" x14ac:dyDescent="0.25">
      <c r="A17" s="2" t="s">
        <v>27</v>
      </c>
      <c r="B17" s="4" t="s">
        <v>1154</v>
      </c>
      <c r="C17" s="12">
        <v>0</v>
      </c>
      <c r="D17" s="12">
        <v>0</v>
      </c>
      <c r="E17" s="12">
        <v>0</v>
      </c>
    </row>
    <row r="18" spans="1:13" x14ac:dyDescent="0.25">
      <c r="A18" s="3" t="s">
        <v>29</v>
      </c>
      <c r="B18" s="5" t="s">
        <v>1155</v>
      </c>
      <c r="C18" s="11">
        <v>0</v>
      </c>
      <c r="D18" s="11">
        <v>0</v>
      </c>
      <c r="E18" s="11">
        <v>0</v>
      </c>
    </row>
    <row r="19" spans="1:13" x14ac:dyDescent="0.25">
      <c r="A19" s="2" t="s">
        <v>31</v>
      </c>
      <c r="B19" s="4" t="s">
        <v>1156</v>
      </c>
      <c r="C19" s="12">
        <v>0</v>
      </c>
      <c r="D19" s="12">
        <v>0</v>
      </c>
      <c r="E19" s="12">
        <v>0</v>
      </c>
    </row>
    <row r="20" spans="1:13" x14ac:dyDescent="0.25">
      <c r="A20" s="2" t="s">
        <v>33</v>
      </c>
      <c r="B20" s="4" t="s">
        <v>1157</v>
      </c>
      <c r="C20" s="12">
        <v>0</v>
      </c>
      <c r="D20" s="12">
        <v>0</v>
      </c>
      <c r="E20" s="12">
        <v>0</v>
      </c>
    </row>
    <row r="21" spans="1:13" x14ac:dyDescent="0.25">
      <c r="A21" s="2" t="s">
        <v>35</v>
      </c>
      <c r="B21" s="4" t="s">
        <v>1158</v>
      </c>
      <c r="C21" s="12">
        <v>0</v>
      </c>
      <c r="D21" s="12">
        <v>0</v>
      </c>
      <c r="E21" s="12">
        <v>0</v>
      </c>
    </row>
    <row r="22" spans="1:13" x14ac:dyDescent="0.25">
      <c r="A22" s="2" t="s">
        <v>37</v>
      </c>
      <c r="B22" s="4" t="s">
        <v>1159</v>
      </c>
      <c r="C22" s="12">
        <v>0</v>
      </c>
      <c r="D22" s="12">
        <v>0</v>
      </c>
      <c r="E22" s="12">
        <v>0</v>
      </c>
    </row>
    <row r="24" spans="1:13" x14ac:dyDescent="0.25">
      <c r="A24" s="10" t="s">
        <v>6</v>
      </c>
      <c r="B24" s="10" t="s">
        <v>1160</v>
      </c>
      <c r="C24" s="10" t="s">
        <v>1161</v>
      </c>
      <c r="D24" s="10" t="s">
        <v>1162</v>
      </c>
      <c r="E24" s="10" t="s">
        <v>1163</v>
      </c>
      <c r="F24" s="10" t="s">
        <v>1164</v>
      </c>
      <c r="G24" s="10" t="s">
        <v>1165</v>
      </c>
      <c r="H24" s="10" t="s">
        <v>1166</v>
      </c>
      <c r="I24" s="10" t="s">
        <v>1167</v>
      </c>
      <c r="J24" s="10" t="s">
        <v>1168</v>
      </c>
      <c r="K24" s="10" t="s">
        <v>1169</v>
      </c>
      <c r="L24" s="10" t="s">
        <v>1170</v>
      </c>
      <c r="M24" s="10" t="s">
        <v>1171</v>
      </c>
    </row>
    <row r="25" spans="1:13" x14ac:dyDescent="0.25">
      <c r="A25" s="10" t="s">
        <v>7</v>
      </c>
      <c r="B25" s="10" t="s">
        <v>7</v>
      </c>
      <c r="C25" s="10" t="s">
        <v>7</v>
      </c>
      <c r="D25" s="10" t="s">
        <v>7</v>
      </c>
      <c r="E25" s="10" t="s">
        <v>7</v>
      </c>
      <c r="F25" s="10" t="s">
        <v>7</v>
      </c>
      <c r="G25" s="10" t="s">
        <v>7</v>
      </c>
      <c r="H25" s="10" t="s">
        <v>7</v>
      </c>
      <c r="I25" s="10" t="s">
        <v>7</v>
      </c>
      <c r="J25" s="10" t="s">
        <v>7</v>
      </c>
      <c r="K25" s="10" t="s">
        <v>7</v>
      </c>
      <c r="L25" s="10" t="s">
        <v>7</v>
      </c>
      <c r="M25" s="10" t="s">
        <v>7</v>
      </c>
    </row>
    <row r="26" spans="1:13" x14ac:dyDescent="0.25">
      <c r="A26" s="2" t="s">
        <v>39</v>
      </c>
      <c r="B26" s="4" t="s">
        <v>1172</v>
      </c>
      <c r="C26" s="12">
        <v>0</v>
      </c>
      <c r="D26" s="12">
        <v>0</v>
      </c>
      <c r="E26" s="12">
        <v>0</v>
      </c>
      <c r="F26" s="12">
        <v>0</v>
      </c>
      <c r="G26" s="12">
        <v>0</v>
      </c>
      <c r="H26" s="12">
        <v>0</v>
      </c>
      <c r="I26" s="12">
        <v>0</v>
      </c>
      <c r="J26" s="12">
        <v>0</v>
      </c>
      <c r="K26" s="12">
        <v>0</v>
      </c>
      <c r="L26" s="12">
        <v>0</v>
      </c>
      <c r="M26" s="12">
        <v>0</v>
      </c>
    </row>
    <row r="27" spans="1:13" x14ac:dyDescent="0.25">
      <c r="A27" s="2" t="s">
        <v>41</v>
      </c>
      <c r="B27" s="4" t="s">
        <v>1173</v>
      </c>
      <c r="C27" s="12">
        <v>0</v>
      </c>
      <c r="D27" s="12">
        <v>0</v>
      </c>
      <c r="E27" s="12">
        <v>0</v>
      </c>
      <c r="F27" s="12">
        <v>0</v>
      </c>
      <c r="G27" s="12">
        <v>0</v>
      </c>
      <c r="H27" s="12">
        <v>0</v>
      </c>
      <c r="I27" s="12">
        <v>0</v>
      </c>
      <c r="J27" s="12">
        <v>0</v>
      </c>
      <c r="K27" s="12">
        <v>0</v>
      </c>
      <c r="L27" s="12">
        <v>0</v>
      </c>
      <c r="M27" s="12">
        <v>0</v>
      </c>
    </row>
    <row r="28" spans="1:13" x14ac:dyDescent="0.25">
      <c r="A28" s="2" t="s">
        <v>43</v>
      </c>
      <c r="B28" s="4" t="s">
        <v>1174</v>
      </c>
      <c r="C28" s="12">
        <v>0</v>
      </c>
      <c r="D28" s="12">
        <v>0</v>
      </c>
      <c r="E28" s="12">
        <v>0</v>
      </c>
      <c r="F28" s="12">
        <v>0</v>
      </c>
      <c r="G28" s="12">
        <v>0</v>
      </c>
      <c r="H28" s="12">
        <v>0</v>
      </c>
      <c r="I28" s="12">
        <v>0</v>
      </c>
      <c r="J28" s="12">
        <v>0</v>
      </c>
      <c r="K28" s="12">
        <v>0</v>
      </c>
      <c r="L28" s="12">
        <v>0</v>
      </c>
      <c r="M28" s="12">
        <v>0</v>
      </c>
    </row>
    <row r="29" spans="1:13" x14ac:dyDescent="0.25">
      <c r="A29" s="2" t="s">
        <v>45</v>
      </c>
      <c r="B29" s="4" t="s">
        <v>1175</v>
      </c>
      <c r="C29" s="12">
        <v>0</v>
      </c>
      <c r="D29" s="12">
        <v>0</v>
      </c>
      <c r="E29" s="12">
        <v>0</v>
      </c>
      <c r="F29" s="12">
        <v>0</v>
      </c>
      <c r="G29" s="12">
        <v>0</v>
      </c>
      <c r="H29" s="12">
        <v>0</v>
      </c>
      <c r="I29" s="12">
        <v>0</v>
      </c>
      <c r="J29" s="12">
        <v>0</v>
      </c>
      <c r="K29" s="12">
        <v>0</v>
      </c>
      <c r="L29" s="12">
        <v>0</v>
      </c>
      <c r="M29" s="12">
        <v>0</v>
      </c>
    </row>
    <row r="30" spans="1:13" x14ac:dyDescent="0.25">
      <c r="A30" s="2" t="s">
        <v>47</v>
      </c>
      <c r="B30" s="4" t="s">
        <v>1176</v>
      </c>
      <c r="C30" s="12">
        <v>10735143525.049999</v>
      </c>
      <c r="D30" s="12">
        <v>12012249489.57</v>
      </c>
      <c r="E30" s="12">
        <v>0</v>
      </c>
      <c r="F30" s="12">
        <v>0</v>
      </c>
      <c r="G30" s="12">
        <v>0</v>
      </c>
      <c r="H30" s="12">
        <v>0</v>
      </c>
      <c r="I30" s="12">
        <v>0</v>
      </c>
      <c r="J30" s="12">
        <v>0</v>
      </c>
      <c r="K30" s="12">
        <v>0</v>
      </c>
      <c r="L30" s="12">
        <v>0</v>
      </c>
      <c r="M30" s="12">
        <v>0</v>
      </c>
    </row>
    <row r="31" spans="1:13" x14ac:dyDescent="0.25">
      <c r="A31" s="3" t="s">
        <v>49</v>
      </c>
      <c r="B31" s="5" t="s">
        <v>1177</v>
      </c>
      <c r="C31" s="11">
        <v>0</v>
      </c>
      <c r="D31" s="11">
        <v>0</v>
      </c>
      <c r="E31" s="11">
        <v>0</v>
      </c>
      <c r="F31" s="11">
        <v>0</v>
      </c>
      <c r="G31" s="11">
        <v>0</v>
      </c>
      <c r="H31" s="11">
        <v>0</v>
      </c>
      <c r="I31" s="11">
        <v>0</v>
      </c>
      <c r="J31" s="11">
        <v>0</v>
      </c>
      <c r="K31" s="11">
        <v>0</v>
      </c>
      <c r="L31" s="11">
        <v>0</v>
      </c>
      <c r="M31" s="11">
        <v>0</v>
      </c>
    </row>
    <row r="32" spans="1:13" x14ac:dyDescent="0.25">
      <c r="A32" s="2" t="s">
        <v>51</v>
      </c>
      <c r="B32" s="4" t="s">
        <v>1178</v>
      </c>
      <c r="C32" s="12">
        <v>0</v>
      </c>
      <c r="D32" s="12">
        <v>0</v>
      </c>
      <c r="E32" s="12">
        <v>0</v>
      </c>
      <c r="F32" s="12">
        <v>0</v>
      </c>
      <c r="G32" s="12">
        <v>0</v>
      </c>
      <c r="H32" s="12">
        <v>0</v>
      </c>
      <c r="I32" s="12">
        <v>0</v>
      </c>
      <c r="J32" s="12">
        <v>0</v>
      </c>
      <c r="K32" s="12">
        <v>0</v>
      </c>
      <c r="L32" s="12">
        <v>0</v>
      </c>
      <c r="M32" s="12">
        <v>0</v>
      </c>
    </row>
  </sheetData>
  <mergeCells count="23">
    <mergeCell ref="K24:K25"/>
    <mergeCell ref="L24:L25"/>
    <mergeCell ref="M24:M25"/>
    <mergeCell ref="F24:F25"/>
    <mergeCell ref="G24:G25"/>
    <mergeCell ref="H24:H25"/>
    <mergeCell ref="I24:I25"/>
    <mergeCell ref="J24:J25"/>
    <mergeCell ref="A24:A25"/>
    <mergeCell ref="B24:B25"/>
    <mergeCell ref="C24:C25"/>
    <mergeCell ref="D24:D25"/>
    <mergeCell ref="E24:E25"/>
    <mergeCell ref="A9:M9"/>
    <mergeCell ref="A10:A11"/>
    <mergeCell ref="B10:B11"/>
    <mergeCell ref="C10:C11"/>
    <mergeCell ref="D10:E10"/>
    <mergeCell ref="A3:M3"/>
    <mergeCell ref="A4:M4"/>
    <mergeCell ref="A5:M5"/>
    <mergeCell ref="A6:M6"/>
    <mergeCell ref="A7:M7"/>
  </mergeCells>
  <pageMargins left="0.7" right="0.7" top="0.75" bottom="0.75" header="0.3" footer="0.3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96"/>
  <sheetViews>
    <sheetView showGridLines="0" tabSelected="1" workbookViewId="0"/>
  </sheetViews>
  <sheetFormatPr defaultRowHeight="15" x14ac:dyDescent="0.25"/>
  <cols>
    <col min="1" max="1" width="2.7109375" bestFit="1" customWidth="1"/>
    <col min="2" max="2" width="75.140625" bestFit="1" customWidth="1"/>
    <col min="3" max="3" width="19" bestFit="1" customWidth="1"/>
    <col min="4" max="4" width="24.85546875" bestFit="1" customWidth="1"/>
    <col min="5" max="5" width="20.85546875" bestFit="1" customWidth="1"/>
    <col min="6" max="6" width="17.28515625" bestFit="1" customWidth="1"/>
  </cols>
  <sheetData>
    <row r="3" spans="1:6" x14ac:dyDescent="0.25">
      <c r="A3" s="6" t="s">
        <v>0</v>
      </c>
      <c r="B3" s="7"/>
      <c r="C3" s="7"/>
      <c r="D3" s="7"/>
      <c r="E3" s="7"/>
      <c r="F3" s="7"/>
    </row>
    <row r="4" spans="1:6" x14ac:dyDescent="0.25">
      <c r="A4" s="6" t="s">
        <v>1</v>
      </c>
      <c r="B4" s="7"/>
      <c r="C4" s="7"/>
      <c r="D4" s="7"/>
      <c r="E4" s="7"/>
      <c r="F4" s="7"/>
    </row>
    <row r="5" spans="1:6" x14ac:dyDescent="0.25">
      <c r="A5" s="8" t="s">
        <v>1179</v>
      </c>
      <c r="B5" s="7"/>
      <c r="C5" s="7"/>
      <c r="D5" s="7"/>
      <c r="E5" s="7"/>
      <c r="F5" s="7"/>
    </row>
    <row r="6" spans="1:6" x14ac:dyDescent="0.25">
      <c r="A6" s="6" t="s">
        <v>3</v>
      </c>
      <c r="B6" s="7"/>
      <c r="C6" s="7"/>
      <c r="D6" s="7"/>
      <c r="E6" s="7"/>
      <c r="F6" s="7"/>
    </row>
    <row r="7" spans="1:6" x14ac:dyDescent="0.25">
      <c r="A7" s="6" t="s">
        <v>4</v>
      </c>
      <c r="B7" s="7"/>
      <c r="C7" s="7"/>
      <c r="D7" s="7"/>
      <c r="E7" s="7"/>
      <c r="F7" s="7"/>
    </row>
    <row r="9" spans="1:6" x14ac:dyDescent="0.25">
      <c r="A9" s="9" t="s">
        <v>1180</v>
      </c>
      <c r="B9" s="7"/>
      <c r="C9" s="7"/>
      <c r="D9" s="7"/>
      <c r="E9" s="7"/>
      <c r="F9" s="7"/>
    </row>
    <row r="10" spans="1:6" x14ac:dyDescent="0.25">
      <c r="A10" s="10" t="s">
        <v>6</v>
      </c>
      <c r="B10" s="10" t="s">
        <v>1181</v>
      </c>
      <c r="C10" s="10" t="s">
        <v>1148</v>
      </c>
    </row>
    <row r="11" spans="1:6" x14ac:dyDescent="0.25">
      <c r="A11" s="10" t="s">
        <v>7</v>
      </c>
      <c r="B11" s="10" t="s">
        <v>7</v>
      </c>
      <c r="C11" s="10" t="s">
        <v>7</v>
      </c>
    </row>
    <row r="12" spans="1:6" x14ac:dyDescent="0.25">
      <c r="A12" s="2" t="s">
        <v>17</v>
      </c>
      <c r="B12" s="4" t="s">
        <v>1182</v>
      </c>
      <c r="C12" s="12">
        <v>15048000000</v>
      </c>
    </row>
    <row r="13" spans="1:6" x14ac:dyDescent="0.25">
      <c r="A13" s="2" t="s">
        <v>19</v>
      </c>
      <c r="B13" s="4" t="s">
        <v>1183</v>
      </c>
      <c r="C13" s="12">
        <v>16811708881</v>
      </c>
    </row>
    <row r="14" spans="1:6" x14ac:dyDescent="0.25">
      <c r="A14" s="2" t="s">
        <v>21</v>
      </c>
      <c r="B14" s="4" t="s">
        <v>11</v>
      </c>
      <c r="C14" s="12">
        <v>15118122501.08</v>
      </c>
    </row>
    <row r="15" spans="1:6" x14ac:dyDescent="0.25">
      <c r="A15" s="2" t="s">
        <v>23</v>
      </c>
      <c r="B15" s="4" t="s">
        <v>1184</v>
      </c>
      <c r="C15" s="12">
        <v>0</v>
      </c>
    </row>
    <row r="16" spans="1:6" x14ac:dyDescent="0.25">
      <c r="A16" s="2" t="s">
        <v>25</v>
      </c>
      <c r="B16" s="4" t="s">
        <v>1185</v>
      </c>
      <c r="C16" s="12">
        <v>105494050.52</v>
      </c>
    </row>
    <row r="17" spans="1:3" x14ac:dyDescent="0.25">
      <c r="A17" s="2" t="s">
        <v>27</v>
      </c>
      <c r="B17" s="4" t="s">
        <v>1186</v>
      </c>
      <c r="C17" s="12">
        <v>15048000000</v>
      </c>
    </row>
    <row r="18" spans="1:3" x14ac:dyDescent="0.25">
      <c r="A18" s="2" t="s">
        <v>29</v>
      </c>
      <c r="B18" s="4" t="s">
        <v>1187</v>
      </c>
      <c r="C18" s="12">
        <v>1879076795.52</v>
      </c>
    </row>
    <row r="19" spans="1:3" x14ac:dyDescent="0.25">
      <c r="A19" s="2" t="s">
        <v>31</v>
      </c>
      <c r="B19" s="4" t="s">
        <v>1188</v>
      </c>
      <c r="C19" s="12">
        <v>16927076795.52</v>
      </c>
    </row>
    <row r="20" spans="1:3" x14ac:dyDescent="0.25">
      <c r="A20" s="2" t="s">
        <v>33</v>
      </c>
      <c r="B20" s="4" t="s">
        <v>168</v>
      </c>
      <c r="C20" s="12">
        <v>15066291275.1</v>
      </c>
    </row>
    <row r="21" spans="1:3" x14ac:dyDescent="0.25">
      <c r="A21" s="2" t="s">
        <v>35</v>
      </c>
      <c r="B21" s="4" t="s">
        <v>172</v>
      </c>
      <c r="C21" s="12">
        <v>14721240670.67</v>
      </c>
    </row>
    <row r="22" spans="1:3" x14ac:dyDescent="0.25">
      <c r="A22" s="2" t="s">
        <v>37</v>
      </c>
      <c r="B22" s="4" t="s">
        <v>1189</v>
      </c>
      <c r="C22" s="12">
        <v>14275218385.33</v>
      </c>
    </row>
    <row r="23" spans="1:3" x14ac:dyDescent="0.25">
      <c r="A23" s="2" t="s">
        <v>39</v>
      </c>
      <c r="B23" s="4" t="s">
        <v>1190</v>
      </c>
      <c r="C23" s="12">
        <v>51831225.979999997</v>
      </c>
    </row>
    <row r="25" spans="1:3" x14ac:dyDescent="0.25">
      <c r="A25" s="10" t="s">
        <v>6</v>
      </c>
      <c r="B25" s="10" t="s">
        <v>1191</v>
      </c>
      <c r="C25" s="10" t="s">
        <v>1148</v>
      </c>
    </row>
    <row r="26" spans="1:3" x14ac:dyDescent="0.25">
      <c r="A26" s="10" t="s">
        <v>7</v>
      </c>
      <c r="B26" s="10" t="s">
        <v>7</v>
      </c>
      <c r="C26" s="10" t="s">
        <v>7</v>
      </c>
    </row>
    <row r="27" spans="1:3" x14ac:dyDescent="0.25">
      <c r="A27" s="2" t="s">
        <v>41</v>
      </c>
      <c r="B27" s="4" t="s">
        <v>168</v>
      </c>
      <c r="C27" s="12">
        <v>15066291275.1</v>
      </c>
    </row>
    <row r="28" spans="1:3" x14ac:dyDescent="0.25">
      <c r="A28" s="2" t="s">
        <v>43</v>
      </c>
      <c r="B28" s="4" t="s">
        <v>172</v>
      </c>
      <c r="C28" s="12">
        <v>14721240670.67</v>
      </c>
    </row>
    <row r="30" spans="1:3" x14ac:dyDescent="0.25">
      <c r="A30" s="10" t="s">
        <v>6</v>
      </c>
      <c r="B30" s="10" t="s">
        <v>1192</v>
      </c>
      <c r="C30" s="10" t="s">
        <v>1148</v>
      </c>
    </row>
    <row r="31" spans="1:3" x14ac:dyDescent="0.25">
      <c r="A31" s="10" t="s">
        <v>7</v>
      </c>
      <c r="B31" s="10" t="s">
        <v>7</v>
      </c>
      <c r="C31" s="10" t="s">
        <v>7</v>
      </c>
    </row>
    <row r="32" spans="1:3" x14ac:dyDescent="0.25">
      <c r="A32" s="2" t="s">
        <v>45</v>
      </c>
      <c r="B32" s="4" t="s">
        <v>1193</v>
      </c>
      <c r="C32" s="12">
        <v>12012249489.57</v>
      </c>
    </row>
    <row r="34" spans="1:6" x14ac:dyDescent="0.25">
      <c r="A34" s="10" t="s">
        <v>6</v>
      </c>
      <c r="B34" s="10" t="s">
        <v>1194</v>
      </c>
      <c r="C34" s="10" t="s">
        <v>1148</v>
      </c>
    </row>
    <row r="35" spans="1:6" x14ac:dyDescent="0.25">
      <c r="A35" s="10" t="s">
        <v>7</v>
      </c>
      <c r="B35" s="10" t="s">
        <v>7</v>
      </c>
      <c r="C35" s="10" t="s">
        <v>7</v>
      </c>
    </row>
    <row r="36" spans="1:6" x14ac:dyDescent="0.25">
      <c r="A36" s="2" t="s">
        <v>47</v>
      </c>
      <c r="B36" s="4" t="s">
        <v>1195</v>
      </c>
      <c r="C36" s="12">
        <v>2067890578.6300001</v>
      </c>
    </row>
    <row r="37" spans="1:6" x14ac:dyDescent="0.25">
      <c r="A37" s="2" t="s">
        <v>49</v>
      </c>
      <c r="B37" s="4" t="s">
        <v>1196</v>
      </c>
      <c r="C37" s="12">
        <v>3282515333.4499998</v>
      </c>
    </row>
    <row r="38" spans="1:6" x14ac:dyDescent="0.25">
      <c r="A38" s="2" t="s">
        <v>51</v>
      </c>
      <c r="B38" s="4" t="s">
        <v>1197</v>
      </c>
      <c r="C38" s="12">
        <v>-1215475188.6099999</v>
      </c>
    </row>
    <row r="39" spans="1:6" x14ac:dyDescent="0.25">
      <c r="A39" s="2" t="s">
        <v>53</v>
      </c>
      <c r="B39" s="4" t="s">
        <v>1198</v>
      </c>
      <c r="C39" s="12">
        <v>0</v>
      </c>
    </row>
    <row r="40" spans="1:6" x14ac:dyDescent="0.25">
      <c r="A40" s="2" t="s">
        <v>55</v>
      </c>
      <c r="B40" s="4" t="s">
        <v>1199</v>
      </c>
      <c r="C40" s="12">
        <v>0</v>
      </c>
    </row>
    <row r="41" spans="1:6" x14ac:dyDescent="0.25">
      <c r="A41" s="2" t="s">
        <v>57</v>
      </c>
      <c r="B41" s="4" t="s">
        <v>1200</v>
      </c>
      <c r="C41" s="12">
        <v>0</v>
      </c>
    </row>
    <row r="43" spans="1:6" x14ac:dyDescent="0.25">
      <c r="A43" s="10" t="s">
        <v>6</v>
      </c>
      <c r="B43" s="10" t="s">
        <v>1201</v>
      </c>
      <c r="C43" s="10" t="s">
        <v>1202</v>
      </c>
      <c r="D43" s="10" t="s">
        <v>1203</v>
      </c>
      <c r="E43" s="10" t="s">
        <v>1204</v>
      </c>
    </row>
    <row r="44" spans="1:6" x14ac:dyDescent="0.25">
      <c r="A44" s="10" t="s">
        <v>7</v>
      </c>
      <c r="B44" s="10" t="s">
        <v>7</v>
      </c>
      <c r="C44" s="10" t="s">
        <v>7</v>
      </c>
      <c r="D44" s="10" t="s">
        <v>7</v>
      </c>
      <c r="E44" s="10" t="s">
        <v>7</v>
      </c>
    </row>
    <row r="45" spans="1:6" x14ac:dyDescent="0.25">
      <c r="A45" s="2" t="s">
        <v>59</v>
      </c>
      <c r="B45" s="4" t="s">
        <v>1205</v>
      </c>
      <c r="C45" s="12">
        <v>484894706.06</v>
      </c>
      <c r="D45" s="12">
        <v>738826452.78999996</v>
      </c>
      <c r="E45" s="12">
        <v>152.37</v>
      </c>
    </row>
    <row r="46" spans="1:6" x14ac:dyDescent="0.25">
      <c r="A46" s="2" t="s">
        <v>61</v>
      </c>
      <c r="B46" s="4" t="s">
        <v>1206</v>
      </c>
      <c r="C46" s="12">
        <v>226599889.78999999</v>
      </c>
      <c r="D46" s="12">
        <v>367682891.57999998</v>
      </c>
      <c r="E46" s="12">
        <v>162.26</v>
      </c>
    </row>
    <row r="48" spans="1:6" x14ac:dyDescent="0.25">
      <c r="A48" s="10" t="s">
        <v>6</v>
      </c>
      <c r="B48" s="10" t="s">
        <v>1207</v>
      </c>
      <c r="C48" s="10" t="s">
        <v>1208</v>
      </c>
      <c r="D48" s="10" t="s">
        <v>1209</v>
      </c>
      <c r="E48" s="10" t="s">
        <v>1210</v>
      </c>
      <c r="F48" s="10" t="s">
        <v>1211</v>
      </c>
    </row>
    <row r="49" spans="1:6" x14ac:dyDescent="0.25">
      <c r="A49" s="10" t="s">
        <v>7</v>
      </c>
      <c r="B49" s="10" t="s">
        <v>7</v>
      </c>
      <c r="C49" s="10" t="s">
        <v>7</v>
      </c>
      <c r="D49" s="10" t="s">
        <v>7</v>
      </c>
      <c r="E49" s="10" t="s">
        <v>7</v>
      </c>
      <c r="F49" s="10" t="s">
        <v>7</v>
      </c>
    </row>
    <row r="50" spans="1:6" x14ac:dyDescent="0.25">
      <c r="A50" s="3" t="s">
        <v>63</v>
      </c>
      <c r="B50" s="5" t="s">
        <v>1212</v>
      </c>
      <c r="C50" s="11">
        <v>374475797.66000003</v>
      </c>
      <c r="D50" s="11">
        <v>13874718.720000001</v>
      </c>
      <c r="E50" s="11">
        <v>275340483.81</v>
      </c>
      <c r="F50" s="11">
        <v>85260595.129999995</v>
      </c>
    </row>
    <row r="51" spans="1:6" x14ac:dyDescent="0.25">
      <c r="A51" s="2" t="s">
        <v>65</v>
      </c>
      <c r="B51" s="4" t="s">
        <v>1213</v>
      </c>
      <c r="C51" s="12">
        <v>293406178.95999998</v>
      </c>
      <c r="D51" s="12">
        <v>13817391.699999999</v>
      </c>
      <c r="E51" s="12">
        <v>194328192.13</v>
      </c>
      <c r="F51" s="12">
        <v>85260595.129999995</v>
      </c>
    </row>
    <row r="52" spans="1:6" x14ac:dyDescent="0.25">
      <c r="A52" s="2" t="s">
        <v>67</v>
      </c>
      <c r="B52" s="4" t="s">
        <v>1214</v>
      </c>
      <c r="C52" s="12">
        <v>16280817.58</v>
      </c>
      <c r="D52" s="12">
        <v>0</v>
      </c>
      <c r="E52" s="12">
        <v>16280817.58</v>
      </c>
      <c r="F52" s="12">
        <v>0</v>
      </c>
    </row>
    <row r="53" spans="1:6" x14ac:dyDescent="0.25">
      <c r="A53" s="2" t="s">
        <v>69</v>
      </c>
      <c r="B53" s="4" t="s">
        <v>1215</v>
      </c>
      <c r="C53" s="12">
        <v>44596465.420000002</v>
      </c>
      <c r="D53" s="12">
        <v>57323.03</v>
      </c>
      <c r="E53" s="12">
        <v>44539142.390000001</v>
      </c>
      <c r="F53" s="12">
        <v>0</v>
      </c>
    </row>
    <row r="54" spans="1:6" x14ac:dyDescent="0.25">
      <c r="A54" s="2" t="s">
        <v>71</v>
      </c>
      <c r="B54" s="4" t="s">
        <v>1216</v>
      </c>
      <c r="C54" s="12">
        <v>7605545.3799999999</v>
      </c>
      <c r="D54" s="12">
        <v>0</v>
      </c>
      <c r="E54" s="12">
        <v>7605545.3799999999</v>
      </c>
      <c r="F54" s="12">
        <v>0</v>
      </c>
    </row>
    <row r="55" spans="1:6" x14ac:dyDescent="0.25">
      <c r="A55" s="2" t="s">
        <v>73</v>
      </c>
      <c r="B55" s="4" t="s">
        <v>1217</v>
      </c>
      <c r="C55" s="12">
        <v>12586790.32</v>
      </c>
      <c r="D55" s="12">
        <v>3.99</v>
      </c>
      <c r="E55" s="12">
        <v>12586786.33</v>
      </c>
      <c r="F55" s="12">
        <v>0</v>
      </c>
    </row>
    <row r="56" spans="1:6" x14ac:dyDescent="0.25">
      <c r="A56" s="3" t="s">
        <v>75</v>
      </c>
      <c r="B56" s="5" t="s">
        <v>1218</v>
      </c>
      <c r="C56" s="11">
        <v>759765783.95000005</v>
      </c>
      <c r="D56" s="11">
        <v>348671593.38999999</v>
      </c>
      <c r="E56" s="11">
        <v>338042833.62</v>
      </c>
      <c r="F56" s="11">
        <v>73051356.939999998</v>
      </c>
    </row>
    <row r="57" spans="1:6" x14ac:dyDescent="0.25">
      <c r="A57" s="2" t="s">
        <v>77</v>
      </c>
      <c r="B57" s="4" t="s">
        <v>1213</v>
      </c>
      <c r="C57" s="12">
        <v>725440627.46000004</v>
      </c>
      <c r="D57" s="12">
        <v>340711155.82999998</v>
      </c>
      <c r="E57" s="12">
        <v>312504378.61000001</v>
      </c>
      <c r="F57" s="12">
        <v>72225093.019999996</v>
      </c>
    </row>
    <row r="58" spans="1:6" x14ac:dyDescent="0.25">
      <c r="A58" s="2" t="s">
        <v>79</v>
      </c>
      <c r="B58" s="4" t="s">
        <v>1214</v>
      </c>
      <c r="C58" s="12">
        <v>1143189.3899999999</v>
      </c>
      <c r="D58" s="12">
        <v>348604.78</v>
      </c>
      <c r="E58" s="12">
        <v>794584.61</v>
      </c>
      <c r="F58" s="12">
        <v>0</v>
      </c>
    </row>
    <row r="59" spans="1:6" x14ac:dyDescent="0.25">
      <c r="A59" s="2" t="s">
        <v>81</v>
      </c>
      <c r="B59" s="4" t="s">
        <v>1215</v>
      </c>
      <c r="C59" s="12">
        <v>15388193.199999999</v>
      </c>
      <c r="D59" s="12">
        <v>4151906.78</v>
      </c>
      <c r="E59" s="12">
        <v>11236286.42</v>
      </c>
      <c r="F59" s="12">
        <v>0</v>
      </c>
    </row>
    <row r="60" spans="1:6" x14ac:dyDescent="0.25">
      <c r="A60" s="2" t="s">
        <v>83</v>
      </c>
      <c r="B60" s="4" t="s">
        <v>1216</v>
      </c>
      <c r="C60" s="12">
        <v>16266926.359999999</v>
      </c>
      <c r="D60" s="12">
        <v>3236149.09</v>
      </c>
      <c r="E60" s="12">
        <v>12204513.35</v>
      </c>
      <c r="F60" s="12">
        <v>826263.92</v>
      </c>
    </row>
    <row r="61" spans="1:6" x14ac:dyDescent="0.25">
      <c r="A61" s="2" t="s">
        <v>85</v>
      </c>
      <c r="B61" s="4" t="s">
        <v>1217</v>
      </c>
      <c r="C61" s="12">
        <v>1526847.54</v>
      </c>
      <c r="D61" s="12">
        <v>223776.91</v>
      </c>
      <c r="E61" s="12">
        <v>1303070.6299999999</v>
      </c>
      <c r="F61" s="12">
        <v>0</v>
      </c>
    </row>
    <row r="62" spans="1:6" x14ac:dyDescent="0.25">
      <c r="A62" s="3" t="s">
        <v>87</v>
      </c>
      <c r="B62" s="5" t="s">
        <v>1109</v>
      </c>
      <c r="C62" s="11">
        <v>1134241581.6099999</v>
      </c>
      <c r="D62" s="11">
        <v>362546312.11000001</v>
      </c>
      <c r="E62" s="11">
        <v>613383317.42999995</v>
      </c>
      <c r="F62" s="11">
        <v>158311952.06999999</v>
      </c>
    </row>
    <row r="64" spans="1:6" x14ac:dyDescent="0.25">
      <c r="A64" s="10" t="s">
        <v>6</v>
      </c>
      <c r="B64" s="10" t="s">
        <v>1219</v>
      </c>
      <c r="C64" s="10" t="s">
        <v>1220</v>
      </c>
      <c r="D64" s="10" t="s">
        <v>1221</v>
      </c>
      <c r="E64" s="10" t="s">
        <v>1221</v>
      </c>
    </row>
    <row r="65" spans="1:6" ht="21" x14ac:dyDescent="0.25">
      <c r="A65" s="10" t="s">
        <v>7</v>
      </c>
      <c r="B65" s="10" t="s">
        <v>7</v>
      </c>
      <c r="C65" s="10" t="s">
        <v>7</v>
      </c>
      <c r="D65" s="1" t="s">
        <v>1222</v>
      </c>
      <c r="E65" s="1" t="s">
        <v>1223</v>
      </c>
    </row>
    <row r="66" spans="1:6" x14ac:dyDescent="0.25">
      <c r="A66" s="2" t="s">
        <v>89</v>
      </c>
      <c r="B66" s="4" t="s">
        <v>1224</v>
      </c>
      <c r="C66" s="12">
        <v>3404745842.6900001</v>
      </c>
      <c r="D66" s="12">
        <v>25</v>
      </c>
      <c r="E66" s="12">
        <v>35.19</v>
      </c>
    </row>
    <row r="67" spans="1:6" x14ac:dyDescent="0.25">
      <c r="A67" s="2" t="s">
        <v>91</v>
      </c>
      <c r="B67" s="4" t="s">
        <v>1225</v>
      </c>
      <c r="C67" s="12">
        <v>1122366589.9300001</v>
      </c>
      <c r="D67" s="12">
        <v>60</v>
      </c>
      <c r="E67" s="12">
        <v>98.25</v>
      </c>
    </row>
    <row r="68" spans="1:6" x14ac:dyDescent="0.25">
      <c r="A68" s="2" t="s">
        <v>93</v>
      </c>
      <c r="B68" s="4" t="s">
        <v>1226</v>
      </c>
      <c r="C68" s="12">
        <v>0</v>
      </c>
      <c r="D68" s="12">
        <v>60</v>
      </c>
      <c r="E68" s="12">
        <v>0</v>
      </c>
    </row>
    <row r="69" spans="1:6" x14ac:dyDescent="0.25">
      <c r="A69" s="2" t="s">
        <v>95</v>
      </c>
      <c r="B69" s="4" t="s">
        <v>1227</v>
      </c>
      <c r="C69" s="12">
        <v>0</v>
      </c>
      <c r="D69" s="12">
        <v>0</v>
      </c>
      <c r="E69" s="12">
        <v>0</v>
      </c>
    </row>
    <row r="71" spans="1:6" x14ac:dyDescent="0.25">
      <c r="A71" s="10" t="s">
        <v>6</v>
      </c>
      <c r="B71" s="10" t="s">
        <v>1228</v>
      </c>
      <c r="C71" s="10" t="s">
        <v>1220</v>
      </c>
      <c r="D71" s="10" t="s">
        <v>1229</v>
      </c>
    </row>
    <row r="72" spans="1:6" x14ac:dyDescent="0.25">
      <c r="A72" s="10" t="s">
        <v>7</v>
      </c>
      <c r="B72" s="10" t="s">
        <v>7</v>
      </c>
      <c r="C72" s="10" t="s">
        <v>7</v>
      </c>
      <c r="D72" s="10" t="s">
        <v>7</v>
      </c>
    </row>
    <row r="73" spans="1:6" x14ac:dyDescent="0.25">
      <c r="A73" s="2" t="s">
        <v>97</v>
      </c>
      <c r="B73" s="4" t="s">
        <v>1230</v>
      </c>
      <c r="C73" s="12">
        <v>11562423.890000001</v>
      </c>
      <c r="D73" s="12">
        <v>44230955.109999999</v>
      </c>
    </row>
    <row r="74" spans="1:6" x14ac:dyDescent="0.25">
      <c r="A74" s="2" t="s">
        <v>99</v>
      </c>
      <c r="B74" s="4" t="s">
        <v>1231</v>
      </c>
      <c r="C74" s="12">
        <v>1301052030.76</v>
      </c>
      <c r="D74" s="12">
        <v>567301821.58000004</v>
      </c>
    </row>
    <row r="76" spans="1:6" x14ac:dyDescent="0.25">
      <c r="A76" s="10" t="s">
        <v>6</v>
      </c>
      <c r="B76" s="10" t="s">
        <v>1232</v>
      </c>
      <c r="C76" s="10" t="s">
        <v>1233</v>
      </c>
      <c r="D76" s="10" t="s">
        <v>1234</v>
      </c>
      <c r="E76" s="10" t="s">
        <v>1235</v>
      </c>
      <c r="F76" s="10" t="s">
        <v>1236</v>
      </c>
    </row>
    <row r="77" spans="1:6" x14ac:dyDescent="0.25">
      <c r="A77" s="10" t="s">
        <v>7</v>
      </c>
      <c r="B77" s="10" t="s">
        <v>7</v>
      </c>
      <c r="C77" s="10" t="s">
        <v>7</v>
      </c>
      <c r="D77" s="10" t="s">
        <v>7</v>
      </c>
      <c r="E77" s="10" t="s">
        <v>7</v>
      </c>
      <c r="F77" s="10" t="s">
        <v>7</v>
      </c>
    </row>
    <row r="78" spans="1:6" x14ac:dyDescent="0.25">
      <c r="A78" s="2" t="s">
        <v>101</v>
      </c>
      <c r="B78" s="4" t="s">
        <v>1237</v>
      </c>
      <c r="C78" s="12">
        <v>3140999043.0900002</v>
      </c>
      <c r="D78" s="12">
        <v>2814128348.9099998</v>
      </c>
      <c r="E78" s="12">
        <v>2762808598.2199998</v>
      </c>
      <c r="F78" s="12">
        <v>2512209142.27</v>
      </c>
    </row>
    <row r="79" spans="1:6" x14ac:dyDescent="0.25">
      <c r="A79" s="2" t="s">
        <v>103</v>
      </c>
      <c r="B79" s="4" t="s">
        <v>1238</v>
      </c>
      <c r="C79" s="12">
        <v>3295690642.7600002</v>
      </c>
      <c r="D79" s="12">
        <v>3337700896.7399998</v>
      </c>
      <c r="E79" s="12">
        <v>3181588502.9699998</v>
      </c>
      <c r="F79" s="12">
        <v>2707206904.8499999</v>
      </c>
    </row>
    <row r="80" spans="1:6" x14ac:dyDescent="0.25">
      <c r="A80" s="2" t="s">
        <v>105</v>
      </c>
      <c r="B80" s="4" t="s">
        <v>1239</v>
      </c>
      <c r="C80" s="12">
        <v>-154691599.66999999</v>
      </c>
      <c r="D80" s="12">
        <v>-523572547.82999998</v>
      </c>
      <c r="E80" s="12">
        <v>-418779904.75</v>
      </c>
      <c r="F80" s="12">
        <v>-194997762.59</v>
      </c>
    </row>
    <row r="81" spans="1:6" x14ac:dyDescent="0.25">
      <c r="A81" s="2" t="s">
        <v>107</v>
      </c>
      <c r="B81" s="4" t="s">
        <v>1240</v>
      </c>
      <c r="C81" s="12">
        <v>0</v>
      </c>
      <c r="D81" s="12">
        <v>0</v>
      </c>
      <c r="E81" s="12">
        <v>0</v>
      </c>
      <c r="F81" s="12">
        <v>0</v>
      </c>
    </row>
    <row r="82" spans="1:6" x14ac:dyDescent="0.25">
      <c r="A82" s="2" t="s">
        <v>109</v>
      </c>
      <c r="B82" s="4" t="s">
        <v>1241</v>
      </c>
      <c r="C82" s="12">
        <v>0</v>
      </c>
      <c r="D82" s="12">
        <v>0</v>
      </c>
      <c r="E82" s="12">
        <v>0</v>
      </c>
      <c r="F82" s="12">
        <v>0</v>
      </c>
    </row>
    <row r="83" spans="1:6" x14ac:dyDescent="0.25">
      <c r="A83" s="2" t="s">
        <v>111</v>
      </c>
      <c r="B83" s="4" t="s">
        <v>1242</v>
      </c>
      <c r="C83" s="12">
        <v>0</v>
      </c>
      <c r="D83" s="12">
        <v>0</v>
      </c>
      <c r="E83" s="12">
        <v>0</v>
      </c>
      <c r="F83" s="12">
        <v>0</v>
      </c>
    </row>
    <row r="85" spans="1:6" x14ac:dyDescent="0.25">
      <c r="A85" s="10" t="s">
        <v>6</v>
      </c>
      <c r="B85" s="10" t="s">
        <v>1243</v>
      </c>
      <c r="C85" s="10" t="s">
        <v>1220</v>
      </c>
      <c r="D85" s="10" t="s">
        <v>1244</v>
      </c>
    </row>
    <row r="86" spans="1:6" x14ac:dyDescent="0.25">
      <c r="A86" s="10" t="s">
        <v>7</v>
      </c>
      <c r="B86" s="10" t="s">
        <v>7</v>
      </c>
      <c r="C86" s="10" t="s">
        <v>7</v>
      </c>
      <c r="D86" s="10" t="s">
        <v>7</v>
      </c>
    </row>
    <row r="87" spans="1:6" x14ac:dyDescent="0.25">
      <c r="A87" s="2" t="s">
        <v>113</v>
      </c>
      <c r="B87" s="4" t="s">
        <v>1245</v>
      </c>
      <c r="C87" s="12">
        <v>2224773.64</v>
      </c>
      <c r="D87" s="12">
        <v>4029726.36</v>
      </c>
    </row>
    <row r="88" spans="1:6" x14ac:dyDescent="0.25">
      <c r="A88" s="2" t="s">
        <v>115</v>
      </c>
      <c r="B88" s="4" t="s">
        <v>1246</v>
      </c>
      <c r="C88" s="12">
        <v>3641530.19</v>
      </c>
      <c r="D88" s="12">
        <v>2005049.31</v>
      </c>
    </row>
    <row r="90" spans="1:6" x14ac:dyDescent="0.25">
      <c r="A90" s="10" t="s">
        <v>6</v>
      </c>
      <c r="B90" s="10" t="s">
        <v>1247</v>
      </c>
      <c r="C90" s="10" t="s">
        <v>1220</v>
      </c>
      <c r="D90" s="10" t="s">
        <v>1248</v>
      </c>
      <c r="E90" s="10" t="s">
        <v>1248</v>
      </c>
    </row>
    <row r="91" spans="1:6" ht="21" x14ac:dyDescent="0.25">
      <c r="A91" s="10" t="s">
        <v>7</v>
      </c>
      <c r="B91" s="10" t="s">
        <v>7</v>
      </c>
      <c r="C91" s="10" t="s">
        <v>7</v>
      </c>
      <c r="D91" s="1" t="s">
        <v>1222</v>
      </c>
      <c r="E91" s="1" t="s">
        <v>1223</v>
      </c>
    </row>
    <row r="92" spans="1:6" x14ac:dyDescent="0.25">
      <c r="A92" s="2" t="s">
        <v>117</v>
      </c>
      <c r="B92" s="4" t="s">
        <v>1249</v>
      </c>
      <c r="C92" s="12">
        <v>1358531880.4200001</v>
      </c>
      <c r="D92" s="12">
        <v>12</v>
      </c>
      <c r="E92" s="12">
        <v>14.04</v>
      </c>
    </row>
    <row r="94" spans="1:6" x14ac:dyDescent="0.25">
      <c r="A94" s="10" t="s">
        <v>6</v>
      </c>
      <c r="B94" s="10" t="s">
        <v>1250</v>
      </c>
      <c r="C94" s="10" t="s">
        <v>1251</v>
      </c>
    </row>
    <row r="95" spans="1:6" x14ac:dyDescent="0.25">
      <c r="A95" s="10" t="s">
        <v>7</v>
      </c>
      <c r="B95" s="10" t="s">
        <v>7</v>
      </c>
      <c r="C95" s="10" t="s">
        <v>7</v>
      </c>
    </row>
    <row r="96" spans="1:6" x14ac:dyDescent="0.25">
      <c r="A96" s="2" t="s">
        <v>119</v>
      </c>
      <c r="B96" s="4" t="s">
        <v>1252</v>
      </c>
      <c r="C96" s="12">
        <v>0</v>
      </c>
    </row>
  </sheetData>
  <mergeCells count="54">
    <mergeCell ref="A90:A91"/>
    <mergeCell ref="B90:B91"/>
    <mergeCell ref="C90:C91"/>
    <mergeCell ref="D90:E90"/>
    <mergeCell ref="A94:A95"/>
    <mergeCell ref="B94:B95"/>
    <mergeCell ref="C94:C95"/>
    <mergeCell ref="E76:E77"/>
    <mergeCell ref="F76:F77"/>
    <mergeCell ref="A85:A86"/>
    <mergeCell ref="B85:B86"/>
    <mergeCell ref="C85:C86"/>
    <mergeCell ref="D85:D86"/>
    <mergeCell ref="A71:A72"/>
    <mergeCell ref="B71:B72"/>
    <mergeCell ref="C71:C72"/>
    <mergeCell ref="D71:D72"/>
    <mergeCell ref="A76:A77"/>
    <mergeCell ref="B76:B77"/>
    <mergeCell ref="C76:C77"/>
    <mergeCell ref="D76:D77"/>
    <mergeCell ref="F48:F49"/>
    <mergeCell ref="A64:A65"/>
    <mergeCell ref="B64:B65"/>
    <mergeCell ref="C64:C65"/>
    <mergeCell ref="D64:E64"/>
    <mergeCell ref="A48:A49"/>
    <mergeCell ref="B48:B49"/>
    <mergeCell ref="C48:C49"/>
    <mergeCell ref="D48:D49"/>
    <mergeCell ref="E48:E49"/>
    <mergeCell ref="A43:A44"/>
    <mergeCell ref="B43:B44"/>
    <mergeCell ref="C43:C44"/>
    <mergeCell ref="D43:D44"/>
    <mergeCell ref="E43:E44"/>
    <mergeCell ref="A30:A31"/>
    <mergeCell ref="B30:B31"/>
    <mergeCell ref="C30:C31"/>
    <mergeCell ref="A34:A35"/>
    <mergeCell ref="B34:B35"/>
    <mergeCell ref="C34:C35"/>
    <mergeCell ref="A9:F9"/>
    <mergeCell ref="A10:A11"/>
    <mergeCell ref="B10:B11"/>
    <mergeCell ref="C10:C11"/>
    <mergeCell ref="A25:A26"/>
    <mergeCell ref="B25:B26"/>
    <mergeCell ref="C25:C26"/>
    <mergeCell ref="A3:F3"/>
    <mergeCell ref="A4:F4"/>
    <mergeCell ref="A5:F5"/>
    <mergeCell ref="A6:F6"/>
    <mergeCell ref="A7:F7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M202"/>
  <sheetViews>
    <sheetView showGridLines="0" workbookViewId="0"/>
  </sheetViews>
  <sheetFormatPr defaultRowHeight="15" x14ac:dyDescent="0.25"/>
  <cols>
    <col min="2" max="2" width="51.5703125" bestFit="1" customWidth="1"/>
    <col min="3" max="4" width="20.140625" bestFit="1" customWidth="1"/>
    <col min="5" max="5" width="19" bestFit="1" customWidth="1"/>
    <col min="6" max="6" width="20.140625" bestFit="1" customWidth="1"/>
    <col min="7" max="7" width="9.28515625" bestFit="1" customWidth="1"/>
    <col min="8" max="9" width="19" bestFit="1" customWidth="1"/>
    <col min="10" max="10" width="20.140625" bestFit="1" customWidth="1"/>
    <col min="11" max="11" width="9.28515625" bestFit="1" customWidth="1"/>
    <col min="12" max="12" width="19" bestFit="1" customWidth="1"/>
    <col min="13" max="13" width="17.28515625" bestFit="1" customWidth="1"/>
  </cols>
  <sheetData>
    <row r="3" spans="1:13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</row>
    <row r="4" spans="1:13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</row>
    <row r="5" spans="1:13" x14ac:dyDescent="0.25">
      <c r="A5" s="8" t="s">
        <v>368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</row>
    <row r="6" spans="1:13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</row>
    <row r="7" spans="1:13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</row>
    <row r="9" spans="1:13" x14ac:dyDescent="0.25">
      <c r="A9" s="9" t="s">
        <v>369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</row>
    <row r="10" spans="1:13" x14ac:dyDescent="0.25">
      <c r="A10" s="10" t="s">
        <v>6</v>
      </c>
      <c r="B10" s="10" t="s">
        <v>370</v>
      </c>
      <c r="C10" s="10" t="s">
        <v>371</v>
      </c>
      <c r="D10" s="10" t="s">
        <v>372</v>
      </c>
      <c r="E10" s="10" t="s">
        <v>168</v>
      </c>
      <c r="F10" s="10" t="s">
        <v>7</v>
      </c>
      <c r="G10" s="10" t="s">
        <v>7</v>
      </c>
      <c r="H10" s="10" t="s">
        <v>375</v>
      </c>
      <c r="I10" s="10" t="s">
        <v>172</v>
      </c>
      <c r="J10" s="10" t="s">
        <v>7</v>
      </c>
      <c r="K10" s="10" t="s">
        <v>7</v>
      </c>
      <c r="L10" s="10" t="s">
        <v>378</v>
      </c>
      <c r="M10" s="10" t="s">
        <v>379</v>
      </c>
    </row>
    <row r="11" spans="1:13" ht="31.5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" t="s">
        <v>169</v>
      </c>
      <c r="F11" s="1" t="s">
        <v>373</v>
      </c>
      <c r="G11" s="1" t="s">
        <v>374</v>
      </c>
      <c r="H11" s="10" t="s">
        <v>7</v>
      </c>
      <c r="I11" s="1" t="s">
        <v>173</v>
      </c>
      <c r="J11" s="1" t="s">
        <v>376</v>
      </c>
      <c r="K11" s="1" t="s">
        <v>377</v>
      </c>
      <c r="L11" s="10" t="s">
        <v>7</v>
      </c>
      <c r="M11" s="10" t="s">
        <v>7</v>
      </c>
    </row>
    <row r="12" spans="1:13" x14ac:dyDescent="0.25">
      <c r="A12" s="3" t="s">
        <v>17</v>
      </c>
      <c r="B12" s="5" t="s">
        <v>380</v>
      </c>
      <c r="C12" s="11">
        <v>13661139500</v>
      </c>
      <c r="D12" s="11">
        <v>14506306060.66</v>
      </c>
      <c r="E12" s="11">
        <v>1681844945.3800001</v>
      </c>
      <c r="F12" s="11">
        <v>12739638950.74</v>
      </c>
      <c r="G12" s="11">
        <v>84.54</v>
      </c>
      <c r="H12" s="11">
        <v>1766667109.9200001</v>
      </c>
      <c r="I12" s="11">
        <v>2199539318.73</v>
      </c>
      <c r="J12" s="11">
        <v>12394592566.309999</v>
      </c>
      <c r="K12" s="11">
        <v>84.13</v>
      </c>
      <c r="L12" s="11">
        <v>2111713494.3499999</v>
      </c>
      <c r="M12" s="11">
        <v>345046384.43000001</v>
      </c>
    </row>
    <row r="13" spans="1:13" x14ac:dyDescent="0.25">
      <c r="A13" s="3" t="s">
        <v>19</v>
      </c>
      <c r="B13" s="5" t="s">
        <v>381</v>
      </c>
      <c r="C13" s="11">
        <v>487743200</v>
      </c>
      <c r="D13" s="11">
        <v>480353941.68000001</v>
      </c>
      <c r="E13" s="11">
        <v>21494361.25</v>
      </c>
      <c r="F13" s="11">
        <v>380825395.06999999</v>
      </c>
      <c r="G13" s="11">
        <v>2.5299999999999998</v>
      </c>
      <c r="H13" s="11">
        <v>99528546.609999999</v>
      </c>
      <c r="I13" s="11">
        <v>72269649.870000005</v>
      </c>
      <c r="J13" s="11">
        <v>376617264.13</v>
      </c>
      <c r="K13" s="11">
        <v>2.56</v>
      </c>
      <c r="L13" s="11">
        <v>103736677.55</v>
      </c>
      <c r="M13" s="11">
        <v>4208130.9400000004</v>
      </c>
    </row>
    <row r="14" spans="1:13" x14ac:dyDescent="0.25">
      <c r="A14" s="2" t="s">
        <v>21</v>
      </c>
      <c r="B14" s="4" t="s">
        <v>382</v>
      </c>
      <c r="C14" s="12">
        <v>250550000</v>
      </c>
      <c r="D14" s="12">
        <v>250475741.68000001</v>
      </c>
      <c r="E14" s="12">
        <v>18332205.649999999</v>
      </c>
      <c r="F14" s="12">
        <v>192960326.27000001</v>
      </c>
      <c r="G14" s="12">
        <v>1.28</v>
      </c>
      <c r="H14" s="12">
        <v>57515415.409999996</v>
      </c>
      <c r="I14" s="12">
        <v>36114739.840000004</v>
      </c>
      <c r="J14" s="12">
        <v>191024203.44</v>
      </c>
      <c r="K14" s="12">
        <v>1.3</v>
      </c>
      <c r="L14" s="12">
        <v>59451538.240000002</v>
      </c>
      <c r="M14" s="12">
        <v>1936122.83</v>
      </c>
    </row>
    <row r="15" spans="1:13" x14ac:dyDescent="0.25">
      <c r="A15" s="2" t="s">
        <v>23</v>
      </c>
      <c r="B15" s="4" t="s">
        <v>383</v>
      </c>
      <c r="C15" s="12">
        <v>237193200</v>
      </c>
      <c r="D15" s="12">
        <v>229878200</v>
      </c>
      <c r="E15" s="12">
        <v>3162155.6</v>
      </c>
      <c r="F15" s="12">
        <v>187865068.80000001</v>
      </c>
      <c r="G15" s="12">
        <v>1.25</v>
      </c>
      <c r="H15" s="12">
        <v>42013131.200000003</v>
      </c>
      <c r="I15" s="12">
        <v>36154910.030000001</v>
      </c>
      <c r="J15" s="12">
        <v>185593060.69</v>
      </c>
      <c r="K15" s="12">
        <v>1.26</v>
      </c>
      <c r="L15" s="12">
        <v>44285139.310000002</v>
      </c>
      <c r="M15" s="12">
        <v>2272008.11</v>
      </c>
    </row>
    <row r="16" spans="1:13" x14ac:dyDescent="0.25">
      <c r="A16" s="3" t="s">
        <v>25</v>
      </c>
      <c r="B16" s="5" t="s">
        <v>384</v>
      </c>
      <c r="C16" s="11">
        <v>917017200</v>
      </c>
      <c r="D16" s="11">
        <v>922138659.09000003</v>
      </c>
      <c r="E16" s="11">
        <v>-38243194.700000003</v>
      </c>
      <c r="F16" s="11">
        <v>862918835.91999996</v>
      </c>
      <c r="G16" s="11">
        <v>5.72</v>
      </c>
      <c r="H16" s="11">
        <v>59219823.170000002</v>
      </c>
      <c r="I16" s="11">
        <v>163037693.88999999</v>
      </c>
      <c r="J16" s="11">
        <v>842811900.41999996</v>
      </c>
      <c r="K16" s="11">
        <v>5.71</v>
      </c>
      <c r="L16" s="11">
        <v>79326758.670000002</v>
      </c>
      <c r="M16" s="11">
        <v>20106935.5</v>
      </c>
    </row>
    <row r="17" spans="1:13" x14ac:dyDescent="0.25">
      <c r="A17" s="2" t="s">
        <v>27</v>
      </c>
      <c r="B17" s="4" t="s">
        <v>385</v>
      </c>
      <c r="C17" s="12">
        <v>123432700</v>
      </c>
      <c r="D17" s="12">
        <v>143932700</v>
      </c>
      <c r="E17" s="12">
        <v>6929168.8899999997</v>
      </c>
      <c r="F17" s="12">
        <v>134496595.47</v>
      </c>
      <c r="G17" s="12">
        <v>0.89</v>
      </c>
      <c r="H17" s="12">
        <v>9436104.5299999993</v>
      </c>
      <c r="I17" s="12">
        <v>23523795.859999999</v>
      </c>
      <c r="J17" s="12">
        <v>122492685.7</v>
      </c>
      <c r="K17" s="12">
        <v>0.83</v>
      </c>
      <c r="L17" s="12">
        <v>21440014.300000001</v>
      </c>
      <c r="M17" s="12">
        <v>12003909.77</v>
      </c>
    </row>
    <row r="18" spans="1:13" x14ac:dyDescent="0.25">
      <c r="A18" s="2" t="s">
        <v>29</v>
      </c>
      <c r="B18" s="4" t="s">
        <v>386</v>
      </c>
      <c r="C18" s="12">
        <v>756335200</v>
      </c>
      <c r="D18" s="12">
        <v>740956659.09000003</v>
      </c>
      <c r="E18" s="12">
        <v>-49699483.299999997</v>
      </c>
      <c r="F18" s="12">
        <v>696619388.25</v>
      </c>
      <c r="G18" s="12">
        <v>4.62</v>
      </c>
      <c r="H18" s="12">
        <v>44337270.840000004</v>
      </c>
      <c r="I18" s="12">
        <v>134161936.05</v>
      </c>
      <c r="J18" s="12">
        <v>696619388.25</v>
      </c>
      <c r="K18" s="12">
        <v>4.7300000000000004</v>
      </c>
      <c r="L18" s="12">
        <v>44337270.840000004</v>
      </c>
      <c r="M18" s="12">
        <v>0</v>
      </c>
    </row>
    <row r="19" spans="1:13" x14ac:dyDescent="0.25">
      <c r="A19" s="2" t="s">
        <v>31</v>
      </c>
      <c r="B19" s="4" t="s">
        <v>387</v>
      </c>
      <c r="C19" s="12">
        <v>30000000</v>
      </c>
      <c r="D19" s="12">
        <v>30000000</v>
      </c>
      <c r="E19" s="12">
        <v>4460531.88</v>
      </c>
      <c r="F19" s="12">
        <v>25744508.91</v>
      </c>
      <c r="G19" s="12">
        <v>0.17</v>
      </c>
      <c r="H19" s="12">
        <v>4255491.09</v>
      </c>
      <c r="I19" s="12">
        <v>4304064.1500000004</v>
      </c>
      <c r="J19" s="12">
        <v>18914174.039999999</v>
      </c>
      <c r="K19" s="12">
        <v>0.13</v>
      </c>
      <c r="L19" s="12">
        <v>11085825.960000001</v>
      </c>
      <c r="M19" s="12">
        <v>6830334.8700000001</v>
      </c>
    </row>
    <row r="20" spans="1:13" x14ac:dyDescent="0.25">
      <c r="A20" s="2" t="s">
        <v>33</v>
      </c>
      <c r="B20" s="4" t="s">
        <v>388</v>
      </c>
      <c r="C20" s="12">
        <v>3340300</v>
      </c>
      <c r="D20" s="12">
        <v>3340300</v>
      </c>
      <c r="E20" s="12">
        <v>65993.97</v>
      </c>
      <c r="F20" s="12">
        <v>2911937.35</v>
      </c>
      <c r="G20" s="12">
        <v>0.02</v>
      </c>
      <c r="H20" s="12">
        <v>428362.65</v>
      </c>
      <c r="I20" s="12">
        <v>445225.88</v>
      </c>
      <c r="J20" s="12">
        <v>2190965.5699999998</v>
      </c>
      <c r="K20" s="12">
        <v>0.01</v>
      </c>
      <c r="L20" s="12">
        <v>1149334.43</v>
      </c>
      <c r="M20" s="12">
        <v>720971.78</v>
      </c>
    </row>
    <row r="21" spans="1:13" x14ac:dyDescent="0.25">
      <c r="A21" s="2" t="s">
        <v>35</v>
      </c>
      <c r="B21" s="4" t="s">
        <v>389</v>
      </c>
      <c r="C21" s="12">
        <v>3227000</v>
      </c>
      <c r="D21" s="12">
        <v>3227000</v>
      </c>
      <c r="E21" s="12">
        <v>42923.59</v>
      </c>
      <c r="F21" s="12">
        <v>2506735.67</v>
      </c>
      <c r="G21" s="12">
        <v>0.02</v>
      </c>
      <c r="H21" s="12">
        <v>720264.33</v>
      </c>
      <c r="I21" s="12">
        <v>494708.18</v>
      </c>
      <c r="J21" s="12">
        <v>1955016.59</v>
      </c>
      <c r="K21" s="12">
        <v>0.01</v>
      </c>
      <c r="L21" s="12">
        <v>1271983.4099999999</v>
      </c>
      <c r="M21" s="12">
        <v>551719.07999999996</v>
      </c>
    </row>
    <row r="22" spans="1:13" x14ac:dyDescent="0.25">
      <c r="A22" s="2" t="s">
        <v>37</v>
      </c>
      <c r="B22" s="4" t="s">
        <v>390</v>
      </c>
      <c r="C22" s="12">
        <v>682000</v>
      </c>
      <c r="D22" s="12">
        <v>682000</v>
      </c>
      <c r="E22" s="12">
        <v>-42329.73</v>
      </c>
      <c r="F22" s="12">
        <v>639670.27</v>
      </c>
      <c r="G22" s="12">
        <v>0</v>
      </c>
      <c r="H22" s="12">
        <v>42329.73</v>
      </c>
      <c r="I22" s="12">
        <v>107963.77</v>
      </c>
      <c r="J22" s="12">
        <v>639670.27</v>
      </c>
      <c r="K22" s="12">
        <v>0</v>
      </c>
      <c r="L22" s="12">
        <v>42329.73</v>
      </c>
      <c r="M22" s="12">
        <v>0</v>
      </c>
    </row>
    <row r="23" spans="1:13" x14ac:dyDescent="0.25">
      <c r="A23" s="3" t="s">
        <v>39</v>
      </c>
      <c r="B23" s="5" t="s">
        <v>391</v>
      </c>
      <c r="C23" s="11">
        <v>868996000</v>
      </c>
      <c r="D23" s="11">
        <v>911364535.61000001</v>
      </c>
      <c r="E23" s="11">
        <v>129133847.48</v>
      </c>
      <c r="F23" s="11">
        <v>828827067.33000004</v>
      </c>
      <c r="G23" s="11">
        <v>5.49</v>
      </c>
      <c r="H23" s="11">
        <v>82537468.280000001</v>
      </c>
      <c r="I23" s="11">
        <v>147600399.55000001</v>
      </c>
      <c r="J23" s="11">
        <v>802153241.49000001</v>
      </c>
      <c r="K23" s="11">
        <v>5.45</v>
      </c>
      <c r="L23" s="11">
        <v>109211294.12</v>
      </c>
      <c r="M23" s="11">
        <v>26673825.84</v>
      </c>
    </row>
    <row r="24" spans="1:13" x14ac:dyDescent="0.25">
      <c r="A24" s="2" t="s">
        <v>41</v>
      </c>
      <c r="B24" s="4" t="s">
        <v>392</v>
      </c>
      <c r="C24" s="12">
        <v>410061400</v>
      </c>
      <c r="D24" s="12">
        <v>437129614.07999998</v>
      </c>
      <c r="E24" s="12">
        <v>68031305.670000002</v>
      </c>
      <c r="F24" s="12">
        <v>407344022.16000003</v>
      </c>
      <c r="G24" s="12">
        <v>2.7</v>
      </c>
      <c r="H24" s="12">
        <v>29785591.920000002</v>
      </c>
      <c r="I24" s="12">
        <v>82882159.390000001</v>
      </c>
      <c r="J24" s="12">
        <v>382247911.33999997</v>
      </c>
      <c r="K24" s="12">
        <v>2.6</v>
      </c>
      <c r="L24" s="12">
        <v>54881702.740000002</v>
      </c>
      <c r="M24" s="12">
        <v>25096110.82</v>
      </c>
    </row>
    <row r="25" spans="1:13" x14ac:dyDescent="0.25">
      <c r="A25" s="2" t="s">
        <v>43</v>
      </c>
      <c r="B25" s="4" t="s">
        <v>393</v>
      </c>
      <c r="C25" s="12">
        <v>96812400</v>
      </c>
      <c r="D25" s="12">
        <v>74078100</v>
      </c>
      <c r="E25" s="12">
        <v>6181876.25</v>
      </c>
      <c r="F25" s="12">
        <v>52780946.719999999</v>
      </c>
      <c r="G25" s="12">
        <v>0.35</v>
      </c>
      <c r="H25" s="12">
        <v>21297153.280000001</v>
      </c>
      <c r="I25" s="12">
        <v>8078238.8799999999</v>
      </c>
      <c r="J25" s="12">
        <v>52573450.600000001</v>
      </c>
      <c r="K25" s="12">
        <v>0.36</v>
      </c>
      <c r="L25" s="12">
        <v>21504649.399999999</v>
      </c>
      <c r="M25" s="12">
        <v>207496.12</v>
      </c>
    </row>
    <row r="26" spans="1:13" x14ac:dyDescent="0.25">
      <c r="A26" s="2" t="s">
        <v>45</v>
      </c>
      <c r="B26" s="4" t="s">
        <v>386</v>
      </c>
      <c r="C26" s="12">
        <v>17988600</v>
      </c>
      <c r="D26" s="12">
        <v>19113100</v>
      </c>
      <c r="E26" s="12">
        <v>1183597.93</v>
      </c>
      <c r="F26" s="12">
        <v>17227996.530000001</v>
      </c>
      <c r="G26" s="12">
        <v>0.11</v>
      </c>
      <c r="H26" s="12">
        <v>1885103.47</v>
      </c>
      <c r="I26" s="12">
        <v>2647034.58</v>
      </c>
      <c r="J26" s="12">
        <v>16118605.369999999</v>
      </c>
      <c r="K26" s="12">
        <v>0.11</v>
      </c>
      <c r="L26" s="12">
        <v>2994494.63</v>
      </c>
      <c r="M26" s="12">
        <v>1109391.1599999999</v>
      </c>
    </row>
    <row r="27" spans="1:13" x14ac:dyDescent="0.25">
      <c r="A27" s="2" t="s">
        <v>47</v>
      </c>
      <c r="B27" s="4" t="s">
        <v>388</v>
      </c>
      <c r="C27" s="12">
        <v>4338400</v>
      </c>
      <c r="D27" s="12">
        <v>12137900</v>
      </c>
      <c r="E27" s="12">
        <v>685186.01</v>
      </c>
      <c r="F27" s="12">
        <v>9024354.4299999997</v>
      </c>
      <c r="G27" s="12">
        <v>0.06</v>
      </c>
      <c r="H27" s="12">
        <v>3113545.57</v>
      </c>
      <c r="I27" s="12">
        <v>767104.92</v>
      </c>
      <c r="J27" s="12">
        <v>9020258.4299999997</v>
      </c>
      <c r="K27" s="12">
        <v>0.06</v>
      </c>
      <c r="L27" s="12">
        <v>3117641.57</v>
      </c>
      <c r="M27" s="12">
        <v>4096</v>
      </c>
    </row>
    <row r="28" spans="1:13" x14ac:dyDescent="0.25">
      <c r="A28" s="2" t="s">
        <v>49</v>
      </c>
      <c r="B28" s="4" t="s">
        <v>394</v>
      </c>
      <c r="C28" s="12">
        <v>160870800</v>
      </c>
      <c r="D28" s="12">
        <v>160579421.53</v>
      </c>
      <c r="E28" s="12">
        <v>33389847.079999998</v>
      </c>
      <c r="F28" s="12">
        <v>156549726.03</v>
      </c>
      <c r="G28" s="12">
        <v>1.04</v>
      </c>
      <c r="H28" s="12">
        <v>4029695.5</v>
      </c>
      <c r="I28" s="12">
        <v>33563827.240000002</v>
      </c>
      <c r="J28" s="12">
        <v>156292994.28999999</v>
      </c>
      <c r="K28" s="12">
        <v>1.06</v>
      </c>
      <c r="L28" s="12">
        <v>4286427.24</v>
      </c>
      <c r="M28" s="12">
        <v>256731.74</v>
      </c>
    </row>
    <row r="29" spans="1:13" x14ac:dyDescent="0.25">
      <c r="A29" s="2" t="s">
        <v>51</v>
      </c>
      <c r="B29" s="4" t="s">
        <v>390</v>
      </c>
      <c r="C29" s="12">
        <v>178924400</v>
      </c>
      <c r="D29" s="12">
        <v>208326400</v>
      </c>
      <c r="E29" s="12">
        <v>19662034.539999999</v>
      </c>
      <c r="F29" s="12">
        <v>185900021.46000001</v>
      </c>
      <c r="G29" s="12">
        <v>1.23</v>
      </c>
      <c r="H29" s="12">
        <v>22426378.539999999</v>
      </c>
      <c r="I29" s="12">
        <v>19662034.539999999</v>
      </c>
      <c r="J29" s="12">
        <v>185900021.46000001</v>
      </c>
      <c r="K29" s="12">
        <v>1.26</v>
      </c>
      <c r="L29" s="12">
        <v>22426378.539999999</v>
      </c>
      <c r="M29" s="12">
        <v>0</v>
      </c>
    </row>
    <row r="30" spans="1:13" x14ac:dyDescent="0.25">
      <c r="A30" s="3" t="s">
        <v>53</v>
      </c>
      <c r="B30" s="5" t="s">
        <v>395</v>
      </c>
      <c r="C30" s="11">
        <v>1064022500</v>
      </c>
      <c r="D30" s="11">
        <v>1071699683.1</v>
      </c>
      <c r="E30" s="11">
        <v>184393802.96000001</v>
      </c>
      <c r="F30" s="11">
        <v>826021707.32000005</v>
      </c>
      <c r="G30" s="11">
        <v>5.48</v>
      </c>
      <c r="H30" s="11">
        <v>245677975.78</v>
      </c>
      <c r="I30" s="11">
        <v>210524309.43000001</v>
      </c>
      <c r="J30" s="11">
        <v>823644615.87</v>
      </c>
      <c r="K30" s="11">
        <v>5.6</v>
      </c>
      <c r="L30" s="11">
        <v>248055067.22999999</v>
      </c>
      <c r="M30" s="11">
        <v>2377091.4500000002</v>
      </c>
    </row>
    <row r="31" spans="1:13" x14ac:dyDescent="0.25">
      <c r="A31" s="2" t="s">
        <v>55</v>
      </c>
      <c r="B31" s="4" t="s">
        <v>386</v>
      </c>
      <c r="C31" s="12">
        <v>377346700</v>
      </c>
      <c r="D31" s="12">
        <v>467761228.94</v>
      </c>
      <c r="E31" s="12">
        <v>112049085.3</v>
      </c>
      <c r="F31" s="12">
        <v>362305035.41000003</v>
      </c>
      <c r="G31" s="12">
        <v>2.4</v>
      </c>
      <c r="H31" s="12">
        <v>105456193.53</v>
      </c>
      <c r="I31" s="12">
        <v>132221566.14</v>
      </c>
      <c r="J31" s="12">
        <v>360412470.43000001</v>
      </c>
      <c r="K31" s="12">
        <v>2.4500000000000002</v>
      </c>
      <c r="L31" s="12">
        <v>107348758.51000001</v>
      </c>
      <c r="M31" s="12">
        <v>1892564.98</v>
      </c>
    </row>
    <row r="32" spans="1:13" x14ac:dyDescent="0.25">
      <c r="A32" s="2" t="s">
        <v>57</v>
      </c>
      <c r="B32" s="4" t="s">
        <v>396</v>
      </c>
      <c r="C32" s="12">
        <v>672877200</v>
      </c>
      <c r="D32" s="12">
        <v>588998114</v>
      </c>
      <c r="E32" s="12">
        <v>69795874.739999995</v>
      </c>
      <c r="F32" s="12">
        <v>450515960.19999999</v>
      </c>
      <c r="G32" s="12">
        <v>2.99</v>
      </c>
      <c r="H32" s="12">
        <v>138482153.80000001</v>
      </c>
      <c r="I32" s="12">
        <v>75358513.709999993</v>
      </c>
      <c r="J32" s="12">
        <v>450046781.86000001</v>
      </c>
      <c r="K32" s="12">
        <v>3.06</v>
      </c>
      <c r="L32" s="12">
        <v>138951332.13999999</v>
      </c>
      <c r="M32" s="12">
        <v>469178.34</v>
      </c>
    </row>
    <row r="33" spans="1:13" x14ac:dyDescent="0.25">
      <c r="A33" s="2" t="s">
        <v>59</v>
      </c>
      <c r="B33" s="4" t="s">
        <v>397</v>
      </c>
      <c r="C33" s="12">
        <v>13796600</v>
      </c>
      <c r="D33" s="12">
        <v>14888917.640000001</v>
      </c>
      <c r="E33" s="12">
        <v>2548842.92</v>
      </c>
      <c r="F33" s="12">
        <v>13176750.91</v>
      </c>
      <c r="G33" s="12">
        <v>0.09</v>
      </c>
      <c r="H33" s="12">
        <v>1712166.73</v>
      </c>
      <c r="I33" s="12">
        <v>2944229.58</v>
      </c>
      <c r="J33" s="12">
        <v>13161402.779999999</v>
      </c>
      <c r="K33" s="12">
        <v>0.09</v>
      </c>
      <c r="L33" s="12">
        <v>1727514.86</v>
      </c>
      <c r="M33" s="12">
        <v>15348.13</v>
      </c>
    </row>
    <row r="34" spans="1:13" x14ac:dyDescent="0.25">
      <c r="A34" s="2" t="s">
        <v>61</v>
      </c>
      <c r="B34" s="4" t="s">
        <v>398</v>
      </c>
      <c r="C34" s="12">
        <v>2000</v>
      </c>
      <c r="D34" s="12">
        <v>51422.52</v>
      </c>
      <c r="E34" s="12">
        <v>0</v>
      </c>
      <c r="F34" s="12">
        <v>23960.799999999999</v>
      </c>
      <c r="G34" s="12">
        <v>0</v>
      </c>
      <c r="H34" s="12">
        <v>27461.72</v>
      </c>
      <c r="I34" s="12">
        <v>0</v>
      </c>
      <c r="J34" s="12">
        <v>23960.799999999999</v>
      </c>
      <c r="K34" s="12">
        <v>0</v>
      </c>
      <c r="L34" s="12">
        <v>27461.72</v>
      </c>
      <c r="M34" s="12">
        <v>0</v>
      </c>
    </row>
    <row r="35" spans="1:13" x14ac:dyDescent="0.25">
      <c r="A35" s="3" t="s">
        <v>63</v>
      </c>
      <c r="B35" s="5" t="s">
        <v>399</v>
      </c>
      <c r="C35" s="11">
        <v>1873987300</v>
      </c>
      <c r="D35" s="11">
        <v>1519142253.8</v>
      </c>
      <c r="E35" s="11">
        <v>149679979.63999999</v>
      </c>
      <c r="F35" s="11">
        <v>1220179365.3800001</v>
      </c>
      <c r="G35" s="11">
        <v>8.09</v>
      </c>
      <c r="H35" s="11">
        <v>298962888.42000002</v>
      </c>
      <c r="I35" s="11">
        <v>167983363.13999999</v>
      </c>
      <c r="J35" s="11">
        <v>1198526176.96</v>
      </c>
      <c r="K35" s="11">
        <v>8.14</v>
      </c>
      <c r="L35" s="11">
        <v>320616076.83999997</v>
      </c>
      <c r="M35" s="11">
        <v>21653188.420000002</v>
      </c>
    </row>
    <row r="36" spans="1:13" x14ac:dyDescent="0.25">
      <c r="A36" s="2" t="s">
        <v>65</v>
      </c>
      <c r="B36" s="4" t="s">
        <v>400</v>
      </c>
      <c r="C36" s="12">
        <v>1871986800</v>
      </c>
      <c r="D36" s="12">
        <v>1512596753.8</v>
      </c>
      <c r="E36" s="12">
        <v>150834483.46000001</v>
      </c>
      <c r="F36" s="12">
        <v>1216546945.02</v>
      </c>
      <c r="G36" s="12">
        <v>8.07</v>
      </c>
      <c r="H36" s="12">
        <v>296049808.77999997</v>
      </c>
      <c r="I36" s="12">
        <v>167905299.19999999</v>
      </c>
      <c r="J36" s="12">
        <v>1195051794.4100001</v>
      </c>
      <c r="K36" s="12">
        <v>8.1199999999999992</v>
      </c>
      <c r="L36" s="12">
        <v>317544959.38999999</v>
      </c>
      <c r="M36" s="12">
        <v>21495150.609999999</v>
      </c>
    </row>
    <row r="37" spans="1:13" x14ac:dyDescent="0.25">
      <c r="A37" s="2" t="s">
        <v>67</v>
      </c>
      <c r="B37" s="4" t="s">
        <v>401</v>
      </c>
      <c r="C37" s="12">
        <v>2000500</v>
      </c>
      <c r="D37" s="12">
        <v>6545500</v>
      </c>
      <c r="E37" s="12">
        <v>-1154503.82</v>
      </c>
      <c r="F37" s="12">
        <v>3632420.36</v>
      </c>
      <c r="G37" s="12">
        <v>0.02</v>
      </c>
      <c r="H37" s="12">
        <v>2913079.64</v>
      </c>
      <c r="I37" s="12">
        <v>78063.94</v>
      </c>
      <c r="J37" s="12">
        <v>3474382.55</v>
      </c>
      <c r="K37" s="12">
        <v>0.02</v>
      </c>
      <c r="L37" s="12">
        <v>3071117.45</v>
      </c>
      <c r="M37" s="12">
        <v>158037.81</v>
      </c>
    </row>
    <row r="38" spans="1:13" x14ac:dyDescent="0.25">
      <c r="A38" s="2" t="s">
        <v>69</v>
      </c>
      <c r="B38" s="4" t="s">
        <v>402</v>
      </c>
      <c r="C38" s="12">
        <v>0</v>
      </c>
      <c r="D38" s="12">
        <v>0</v>
      </c>
      <c r="E38" s="12">
        <v>0</v>
      </c>
      <c r="F38" s="12">
        <v>0</v>
      </c>
      <c r="G38" s="12">
        <v>0</v>
      </c>
      <c r="H38" s="12">
        <v>0</v>
      </c>
      <c r="I38" s="12">
        <v>0</v>
      </c>
      <c r="J38" s="12">
        <v>0</v>
      </c>
      <c r="K38" s="12">
        <v>0</v>
      </c>
      <c r="L38" s="12">
        <v>0</v>
      </c>
      <c r="M38" s="12">
        <v>0</v>
      </c>
    </row>
    <row r="39" spans="1:13" x14ac:dyDescent="0.25">
      <c r="A39" s="3" t="s">
        <v>71</v>
      </c>
      <c r="B39" s="5" t="s">
        <v>403</v>
      </c>
      <c r="C39" s="11">
        <v>227445900</v>
      </c>
      <c r="D39" s="11">
        <v>227603812.59</v>
      </c>
      <c r="E39" s="11">
        <v>25189805.210000001</v>
      </c>
      <c r="F39" s="11">
        <v>162782321.44</v>
      </c>
      <c r="G39" s="11">
        <v>1.08</v>
      </c>
      <c r="H39" s="11">
        <v>64821491.149999999</v>
      </c>
      <c r="I39" s="11">
        <v>26326617.390000001</v>
      </c>
      <c r="J39" s="11">
        <v>162070205.91</v>
      </c>
      <c r="K39" s="11">
        <v>1.1000000000000001</v>
      </c>
      <c r="L39" s="11">
        <v>65533606.68</v>
      </c>
      <c r="M39" s="11">
        <v>712115.53</v>
      </c>
    </row>
    <row r="40" spans="1:13" x14ac:dyDescent="0.25">
      <c r="A40" s="2" t="s">
        <v>73</v>
      </c>
      <c r="B40" s="4" t="s">
        <v>404</v>
      </c>
      <c r="C40" s="12">
        <v>4000000</v>
      </c>
      <c r="D40" s="12">
        <v>4000000</v>
      </c>
      <c r="E40" s="12">
        <v>0</v>
      </c>
      <c r="F40" s="12">
        <v>0</v>
      </c>
      <c r="G40" s="12">
        <v>0</v>
      </c>
      <c r="H40" s="12">
        <v>4000000</v>
      </c>
      <c r="I40" s="12">
        <v>0</v>
      </c>
      <c r="J40" s="12">
        <v>0</v>
      </c>
      <c r="K40" s="12">
        <v>0</v>
      </c>
      <c r="L40" s="12">
        <v>4000000</v>
      </c>
      <c r="M40" s="12">
        <v>0</v>
      </c>
    </row>
    <row r="41" spans="1:13" x14ac:dyDescent="0.25">
      <c r="A41" s="2" t="s">
        <v>75</v>
      </c>
      <c r="B41" s="4" t="s">
        <v>405</v>
      </c>
      <c r="C41" s="12">
        <v>453400</v>
      </c>
      <c r="D41" s="12">
        <v>453400</v>
      </c>
      <c r="E41" s="12">
        <v>0</v>
      </c>
      <c r="F41" s="12">
        <v>398.28</v>
      </c>
      <c r="G41" s="12">
        <v>0</v>
      </c>
      <c r="H41" s="12">
        <v>453001.72</v>
      </c>
      <c r="I41" s="12">
        <v>0</v>
      </c>
      <c r="J41" s="12">
        <v>398.28</v>
      </c>
      <c r="K41" s="12">
        <v>0</v>
      </c>
      <c r="L41" s="12">
        <v>453001.72</v>
      </c>
      <c r="M41" s="12">
        <v>0</v>
      </c>
    </row>
    <row r="42" spans="1:13" x14ac:dyDescent="0.25">
      <c r="A42" s="2" t="s">
        <v>77</v>
      </c>
      <c r="B42" s="4" t="s">
        <v>406</v>
      </c>
      <c r="C42" s="12">
        <v>201211200</v>
      </c>
      <c r="D42" s="12">
        <v>201469512.59</v>
      </c>
      <c r="E42" s="12">
        <v>23871053.760000002</v>
      </c>
      <c r="F42" s="12">
        <v>150697069.25999999</v>
      </c>
      <c r="G42" s="12">
        <v>1</v>
      </c>
      <c r="H42" s="12">
        <v>50772443.329999998</v>
      </c>
      <c r="I42" s="12">
        <v>24910137.800000001</v>
      </c>
      <c r="J42" s="12">
        <v>150023210.13999999</v>
      </c>
      <c r="K42" s="12">
        <v>1.02</v>
      </c>
      <c r="L42" s="12">
        <v>51446302.450000003</v>
      </c>
      <c r="M42" s="12">
        <v>673859.12</v>
      </c>
    </row>
    <row r="43" spans="1:13" x14ac:dyDescent="0.25">
      <c r="A43" s="2" t="s">
        <v>79</v>
      </c>
      <c r="B43" s="4" t="s">
        <v>407</v>
      </c>
      <c r="C43" s="12">
        <v>21670000</v>
      </c>
      <c r="D43" s="12">
        <v>21670000</v>
      </c>
      <c r="E43" s="12">
        <v>1317117.6100000001</v>
      </c>
      <c r="F43" s="12">
        <v>12074288.779999999</v>
      </c>
      <c r="G43" s="12">
        <v>0.08</v>
      </c>
      <c r="H43" s="12">
        <v>9595711.2200000007</v>
      </c>
      <c r="I43" s="12">
        <v>1414838.8</v>
      </c>
      <c r="J43" s="12">
        <v>12036032.369999999</v>
      </c>
      <c r="K43" s="12">
        <v>0.08</v>
      </c>
      <c r="L43" s="12">
        <v>9633967.6300000008</v>
      </c>
      <c r="M43" s="12">
        <v>38256.410000000003</v>
      </c>
    </row>
    <row r="44" spans="1:13" x14ac:dyDescent="0.25">
      <c r="A44" s="2" t="s">
        <v>81</v>
      </c>
      <c r="B44" s="4" t="s">
        <v>394</v>
      </c>
      <c r="C44" s="12">
        <v>100600</v>
      </c>
      <c r="D44" s="12">
        <v>200</v>
      </c>
      <c r="E44" s="12">
        <v>0</v>
      </c>
      <c r="F44" s="12">
        <v>0</v>
      </c>
      <c r="G44" s="12">
        <v>0</v>
      </c>
      <c r="H44" s="12">
        <v>200</v>
      </c>
      <c r="I44" s="12">
        <v>0</v>
      </c>
      <c r="J44" s="12">
        <v>0</v>
      </c>
      <c r="K44" s="12">
        <v>0</v>
      </c>
      <c r="L44" s="12">
        <v>200</v>
      </c>
      <c r="M44" s="12">
        <v>0</v>
      </c>
    </row>
    <row r="45" spans="1:13" x14ac:dyDescent="0.25">
      <c r="A45" s="2" t="s">
        <v>83</v>
      </c>
      <c r="B45" s="4" t="s">
        <v>408</v>
      </c>
      <c r="C45" s="12">
        <v>10700</v>
      </c>
      <c r="D45" s="12">
        <v>10700</v>
      </c>
      <c r="E45" s="12">
        <v>1633.84</v>
      </c>
      <c r="F45" s="12">
        <v>10565.12</v>
      </c>
      <c r="G45" s="12">
        <v>0</v>
      </c>
      <c r="H45" s="12">
        <v>134.88</v>
      </c>
      <c r="I45" s="12">
        <v>1640.79</v>
      </c>
      <c r="J45" s="12">
        <v>10565.12</v>
      </c>
      <c r="K45" s="12">
        <v>0</v>
      </c>
      <c r="L45" s="12">
        <v>134.88</v>
      </c>
      <c r="M45" s="12">
        <v>0</v>
      </c>
    </row>
    <row r="46" spans="1:13" x14ac:dyDescent="0.25">
      <c r="A46" s="3" t="s">
        <v>85</v>
      </c>
      <c r="B46" s="5" t="s">
        <v>409</v>
      </c>
      <c r="C46" s="11">
        <v>2040262300</v>
      </c>
      <c r="D46" s="11">
        <v>3336809600</v>
      </c>
      <c r="E46" s="11">
        <v>392371394.92000002</v>
      </c>
      <c r="F46" s="11">
        <v>3252050184.3600001</v>
      </c>
      <c r="G46" s="11">
        <v>21.58</v>
      </c>
      <c r="H46" s="11">
        <v>84759415.640000001</v>
      </c>
      <c r="I46" s="11">
        <v>410711946.88999999</v>
      </c>
      <c r="J46" s="11">
        <v>3251903518.1100001</v>
      </c>
      <c r="K46" s="11">
        <v>22.09</v>
      </c>
      <c r="L46" s="11">
        <v>84906081.890000001</v>
      </c>
      <c r="M46" s="11">
        <v>146666.25</v>
      </c>
    </row>
    <row r="47" spans="1:13" x14ac:dyDescent="0.25">
      <c r="A47" s="2" t="s">
        <v>87</v>
      </c>
      <c r="B47" s="4" t="s">
        <v>410</v>
      </c>
      <c r="C47" s="12">
        <v>2040262300</v>
      </c>
      <c r="D47" s="12">
        <v>3336809600</v>
      </c>
      <c r="E47" s="12">
        <v>392371394.92000002</v>
      </c>
      <c r="F47" s="12">
        <v>3252050184.3600001</v>
      </c>
      <c r="G47" s="12">
        <v>21.58</v>
      </c>
      <c r="H47" s="12">
        <v>84759415.640000001</v>
      </c>
      <c r="I47" s="12">
        <v>410711946.88999999</v>
      </c>
      <c r="J47" s="12">
        <v>3251903518.1100001</v>
      </c>
      <c r="K47" s="12">
        <v>22.09</v>
      </c>
      <c r="L47" s="12">
        <v>84906081.890000001</v>
      </c>
      <c r="M47" s="12">
        <v>146666.25</v>
      </c>
    </row>
    <row r="48" spans="1:13" x14ac:dyDescent="0.25">
      <c r="A48" s="3" t="s">
        <v>89</v>
      </c>
      <c r="B48" s="5" t="s">
        <v>411</v>
      </c>
      <c r="C48" s="11">
        <v>1388474800</v>
      </c>
      <c r="D48" s="11">
        <v>1501149006.71</v>
      </c>
      <c r="E48" s="11">
        <v>258434114.05000001</v>
      </c>
      <c r="F48" s="11">
        <v>1324059064.45</v>
      </c>
      <c r="G48" s="11">
        <v>8.7899999999999991</v>
      </c>
      <c r="H48" s="11">
        <v>177089942.25999999</v>
      </c>
      <c r="I48" s="11">
        <v>251504040.87</v>
      </c>
      <c r="J48" s="11">
        <v>1204679617.3800001</v>
      </c>
      <c r="K48" s="11">
        <v>8.17</v>
      </c>
      <c r="L48" s="11">
        <v>296469389.32999998</v>
      </c>
      <c r="M48" s="11">
        <v>119379447.06999999</v>
      </c>
    </row>
    <row r="49" spans="1:13" x14ac:dyDescent="0.25">
      <c r="A49" s="2" t="s">
        <v>91</v>
      </c>
      <c r="B49" s="4" t="s">
        <v>386</v>
      </c>
      <c r="C49" s="12">
        <v>553095900</v>
      </c>
      <c r="D49" s="12">
        <v>674084402.20000005</v>
      </c>
      <c r="E49" s="12">
        <v>121344206.23999999</v>
      </c>
      <c r="F49" s="12">
        <v>668476342.24000001</v>
      </c>
      <c r="G49" s="12">
        <v>4.4400000000000004</v>
      </c>
      <c r="H49" s="12">
        <v>5608059.96</v>
      </c>
      <c r="I49" s="12">
        <v>122904049.69</v>
      </c>
      <c r="J49" s="12">
        <v>648683229.36000001</v>
      </c>
      <c r="K49" s="12">
        <v>4.41</v>
      </c>
      <c r="L49" s="12">
        <v>25401172.84</v>
      </c>
      <c r="M49" s="12">
        <v>19793112.879999999</v>
      </c>
    </row>
    <row r="50" spans="1:13" x14ac:dyDescent="0.25">
      <c r="A50" s="2" t="s">
        <v>93</v>
      </c>
      <c r="B50" s="4" t="s">
        <v>397</v>
      </c>
      <c r="C50" s="12">
        <v>0</v>
      </c>
      <c r="D50" s="12">
        <v>0</v>
      </c>
      <c r="E50" s="12">
        <v>0</v>
      </c>
      <c r="F50" s="12">
        <v>0</v>
      </c>
      <c r="G50" s="12">
        <v>0</v>
      </c>
      <c r="H50" s="12">
        <v>0</v>
      </c>
      <c r="I50" s="12">
        <v>0</v>
      </c>
      <c r="J50" s="12">
        <v>0</v>
      </c>
      <c r="K50" s="12">
        <v>0</v>
      </c>
      <c r="L50" s="12">
        <v>0</v>
      </c>
      <c r="M50" s="12">
        <v>0</v>
      </c>
    </row>
    <row r="51" spans="1:13" x14ac:dyDescent="0.25">
      <c r="A51" s="2" t="s">
        <v>95</v>
      </c>
      <c r="B51" s="4" t="s">
        <v>388</v>
      </c>
      <c r="C51" s="12">
        <v>5919200</v>
      </c>
      <c r="D51" s="12">
        <v>2486883.9900000002</v>
      </c>
      <c r="E51" s="12">
        <v>-871276.84</v>
      </c>
      <c r="F51" s="12">
        <v>919128.54</v>
      </c>
      <c r="G51" s="12">
        <v>0.01</v>
      </c>
      <c r="H51" s="12">
        <v>1567755.45</v>
      </c>
      <c r="I51" s="12">
        <v>106740.52</v>
      </c>
      <c r="J51" s="12">
        <v>649353.79</v>
      </c>
      <c r="K51" s="12">
        <v>0</v>
      </c>
      <c r="L51" s="12">
        <v>1837530.2</v>
      </c>
      <c r="M51" s="12">
        <v>269774.75</v>
      </c>
    </row>
    <row r="52" spans="1:13" x14ac:dyDescent="0.25">
      <c r="A52" s="2" t="s">
        <v>97</v>
      </c>
      <c r="B52" s="4" t="s">
        <v>412</v>
      </c>
      <c r="C52" s="12">
        <v>112185500</v>
      </c>
      <c r="D52" s="12">
        <v>83399138</v>
      </c>
      <c r="E52" s="12">
        <v>7114091.8300000001</v>
      </c>
      <c r="F52" s="12">
        <v>78434935.219999999</v>
      </c>
      <c r="G52" s="12">
        <v>0.52</v>
      </c>
      <c r="H52" s="12">
        <v>4964202.78</v>
      </c>
      <c r="I52" s="12">
        <v>11848962.939999999</v>
      </c>
      <c r="J52" s="12">
        <v>72584217.700000003</v>
      </c>
      <c r="K52" s="12">
        <v>0.49</v>
      </c>
      <c r="L52" s="12">
        <v>10814920.300000001</v>
      </c>
      <c r="M52" s="12">
        <v>5850717.5199999996</v>
      </c>
    </row>
    <row r="53" spans="1:13" x14ac:dyDescent="0.25">
      <c r="A53" s="2" t="s">
        <v>99</v>
      </c>
      <c r="B53" s="4" t="s">
        <v>413</v>
      </c>
      <c r="C53" s="12">
        <v>588892600</v>
      </c>
      <c r="D53" s="12">
        <v>618239348</v>
      </c>
      <c r="E53" s="12">
        <v>109431971.56999999</v>
      </c>
      <c r="F53" s="12">
        <v>487777338.92000002</v>
      </c>
      <c r="G53" s="12">
        <v>3.24</v>
      </c>
      <c r="H53" s="12">
        <v>130462009.08</v>
      </c>
      <c r="I53" s="12">
        <v>96433986.769999996</v>
      </c>
      <c r="J53" s="12">
        <v>413206141.99000001</v>
      </c>
      <c r="K53" s="12">
        <v>2.81</v>
      </c>
      <c r="L53" s="12">
        <v>205033206.00999999</v>
      </c>
      <c r="M53" s="12">
        <v>74571196.930000007</v>
      </c>
    </row>
    <row r="54" spans="1:13" x14ac:dyDescent="0.25">
      <c r="A54" s="2" t="s">
        <v>101</v>
      </c>
      <c r="B54" s="4" t="s">
        <v>414</v>
      </c>
      <c r="C54" s="12">
        <v>93010200</v>
      </c>
      <c r="D54" s="12">
        <v>87126892.349999994</v>
      </c>
      <c r="E54" s="12">
        <v>19392064.399999999</v>
      </c>
      <c r="F54" s="12">
        <v>68196710.640000001</v>
      </c>
      <c r="G54" s="12">
        <v>0.45</v>
      </c>
      <c r="H54" s="12">
        <v>18930181.710000001</v>
      </c>
      <c r="I54" s="12">
        <v>15405894.800000001</v>
      </c>
      <c r="J54" s="12">
        <v>52250370.649999999</v>
      </c>
      <c r="K54" s="12">
        <v>0.35</v>
      </c>
      <c r="L54" s="12">
        <v>34876521.700000003</v>
      </c>
      <c r="M54" s="12">
        <v>15946339.99</v>
      </c>
    </row>
    <row r="55" spans="1:13" x14ac:dyDescent="0.25">
      <c r="A55" s="2" t="s">
        <v>103</v>
      </c>
      <c r="B55" s="4" t="s">
        <v>415</v>
      </c>
      <c r="C55" s="12">
        <v>0</v>
      </c>
      <c r="D55" s="12">
        <v>0</v>
      </c>
      <c r="E55" s="12">
        <v>0</v>
      </c>
      <c r="F55" s="12">
        <v>0</v>
      </c>
      <c r="G55" s="12">
        <v>0</v>
      </c>
      <c r="H55" s="12">
        <v>0</v>
      </c>
      <c r="I55" s="12">
        <v>0</v>
      </c>
      <c r="J55" s="12">
        <v>0</v>
      </c>
      <c r="K55" s="12">
        <v>0</v>
      </c>
      <c r="L55" s="12">
        <v>0</v>
      </c>
      <c r="M55" s="12">
        <v>0</v>
      </c>
    </row>
    <row r="56" spans="1:13" x14ac:dyDescent="0.25">
      <c r="A56" s="2" t="s">
        <v>105</v>
      </c>
      <c r="B56" s="4" t="s">
        <v>416</v>
      </c>
      <c r="C56" s="12">
        <v>30813300</v>
      </c>
      <c r="D56" s="12">
        <v>32877685</v>
      </c>
      <c r="E56" s="12">
        <v>1558509.98</v>
      </c>
      <c r="F56" s="12">
        <v>17927026.309999999</v>
      </c>
      <c r="G56" s="12">
        <v>0.12</v>
      </c>
      <c r="H56" s="12">
        <v>14950658.689999999</v>
      </c>
      <c r="I56" s="12">
        <v>4714774.91</v>
      </c>
      <c r="J56" s="12">
        <v>15421847.41</v>
      </c>
      <c r="K56" s="12">
        <v>0.1</v>
      </c>
      <c r="L56" s="12">
        <v>17455837.59</v>
      </c>
      <c r="M56" s="12">
        <v>2505178.9</v>
      </c>
    </row>
    <row r="57" spans="1:13" x14ac:dyDescent="0.25">
      <c r="A57" s="2" t="s">
        <v>107</v>
      </c>
      <c r="B57" s="4" t="s">
        <v>417</v>
      </c>
      <c r="C57" s="12">
        <v>1561000</v>
      </c>
      <c r="D57" s="12">
        <v>931899</v>
      </c>
      <c r="E57" s="12">
        <v>411056.97</v>
      </c>
      <c r="F57" s="12">
        <v>508645.18</v>
      </c>
      <c r="G57" s="12">
        <v>0</v>
      </c>
      <c r="H57" s="12">
        <v>423253.82</v>
      </c>
      <c r="I57" s="12">
        <v>14215.72</v>
      </c>
      <c r="J57" s="12">
        <v>81922.460000000006</v>
      </c>
      <c r="K57" s="12">
        <v>0</v>
      </c>
      <c r="L57" s="12">
        <v>849976.54</v>
      </c>
      <c r="M57" s="12">
        <v>426722.72</v>
      </c>
    </row>
    <row r="58" spans="1:13" x14ac:dyDescent="0.25">
      <c r="A58" s="2" t="s">
        <v>109</v>
      </c>
      <c r="B58" s="4" t="s">
        <v>418</v>
      </c>
      <c r="C58" s="12">
        <v>0</v>
      </c>
      <c r="D58" s="12">
        <v>0</v>
      </c>
      <c r="E58" s="12">
        <v>0</v>
      </c>
      <c r="F58" s="12">
        <v>0</v>
      </c>
      <c r="G58" s="12">
        <v>0</v>
      </c>
      <c r="H58" s="12">
        <v>0</v>
      </c>
      <c r="I58" s="12">
        <v>0</v>
      </c>
      <c r="J58" s="12">
        <v>0</v>
      </c>
      <c r="K58" s="12">
        <v>0</v>
      </c>
      <c r="L58" s="12">
        <v>0</v>
      </c>
      <c r="M58" s="12">
        <v>0</v>
      </c>
    </row>
    <row r="59" spans="1:13" x14ac:dyDescent="0.25">
      <c r="A59" s="2" t="s">
        <v>111</v>
      </c>
      <c r="B59" s="4" t="s">
        <v>394</v>
      </c>
      <c r="C59" s="12">
        <v>1087000</v>
      </c>
      <c r="D59" s="12">
        <v>122494.17</v>
      </c>
      <c r="E59" s="12">
        <v>-2796.1</v>
      </c>
      <c r="F59" s="12">
        <v>122338.7</v>
      </c>
      <c r="G59" s="12">
        <v>0</v>
      </c>
      <c r="H59" s="12">
        <v>155.47</v>
      </c>
      <c r="I59" s="12">
        <v>11260.31</v>
      </c>
      <c r="J59" s="12">
        <v>105935.32</v>
      </c>
      <c r="K59" s="12">
        <v>0</v>
      </c>
      <c r="L59" s="12">
        <v>16558.849999999999</v>
      </c>
      <c r="M59" s="12">
        <v>16403.38</v>
      </c>
    </row>
    <row r="60" spans="1:13" x14ac:dyDescent="0.25">
      <c r="A60" s="2" t="s">
        <v>113</v>
      </c>
      <c r="B60" s="4" t="s">
        <v>419</v>
      </c>
      <c r="C60" s="12">
        <v>1500100</v>
      </c>
      <c r="D60" s="12">
        <v>1500100</v>
      </c>
      <c r="E60" s="12">
        <v>0</v>
      </c>
      <c r="F60" s="12">
        <v>1316471.8</v>
      </c>
      <c r="G60" s="12">
        <v>0.01</v>
      </c>
      <c r="H60" s="12">
        <v>183628.2</v>
      </c>
      <c r="I60" s="12">
        <v>0</v>
      </c>
      <c r="J60" s="12">
        <v>1316471.8</v>
      </c>
      <c r="K60" s="12">
        <v>0.01</v>
      </c>
      <c r="L60" s="12">
        <v>183628.2</v>
      </c>
      <c r="M60" s="12">
        <v>0</v>
      </c>
    </row>
    <row r="61" spans="1:13" x14ac:dyDescent="0.25">
      <c r="A61" s="2" t="s">
        <v>115</v>
      </c>
      <c r="B61" s="4" t="s">
        <v>408</v>
      </c>
      <c r="C61" s="12">
        <v>410000</v>
      </c>
      <c r="D61" s="12">
        <v>380164</v>
      </c>
      <c r="E61" s="12">
        <v>56286</v>
      </c>
      <c r="F61" s="12">
        <v>380126.9</v>
      </c>
      <c r="G61" s="12">
        <v>0</v>
      </c>
      <c r="H61" s="12">
        <v>37.1</v>
      </c>
      <c r="I61" s="12">
        <v>64155.21</v>
      </c>
      <c r="J61" s="12">
        <v>380126.9</v>
      </c>
      <c r="K61" s="12">
        <v>0</v>
      </c>
      <c r="L61" s="12">
        <v>37.1</v>
      </c>
      <c r="M61" s="12">
        <v>0</v>
      </c>
    </row>
    <row r="62" spans="1:13" x14ac:dyDescent="0.25">
      <c r="A62" s="3" t="s">
        <v>117</v>
      </c>
      <c r="B62" s="5" t="s">
        <v>420</v>
      </c>
      <c r="C62" s="11">
        <v>26302400</v>
      </c>
      <c r="D62" s="11">
        <v>25137109.32</v>
      </c>
      <c r="E62" s="11">
        <v>2210287.59</v>
      </c>
      <c r="F62" s="11">
        <v>8935844.1300000008</v>
      </c>
      <c r="G62" s="11">
        <v>0.06</v>
      </c>
      <c r="H62" s="11">
        <v>16201265.189999999</v>
      </c>
      <c r="I62" s="11">
        <v>1978077.41</v>
      </c>
      <c r="J62" s="11">
        <v>8637488.6999999993</v>
      </c>
      <c r="K62" s="11">
        <v>0.06</v>
      </c>
      <c r="L62" s="11">
        <v>16499620.619999999</v>
      </c>
      <c r="M62" s="11">
        <v>298355.43</v>
      </c>
    </row>
    <row r="63" spans="1:13" x14ac:dyDescent="0.25">
      <c r="A63" s="2" t="s">
        <v>119</v>
      </c>
      <c r="B63" s="4" t="s">
        <v>386</v>
      </c>
      <c r="C63" s="12">
        <v>9598000</v>
      </c>
      <c r="D63" s="12">
        <v>8406309.3200000003</v>
      </c>
      <c r="E63" s="12">
        <v>986987.28</v>
      </c>
      <c r="F63" s="12">
        <v>5696159.6200000001</v>
      </c>
      <c r="G63" s="12">
        <v>0.04</v>
      </c>
      <c r="H63" s="12">
        <v>2710149.7</v>
      </c>
      <c r="I63" s="12">
        <v>754777.1</v>
      </c>
      <c r="J63" s="12">
        <v>5397804.1900000004</v>
      </c>
      <c r="K63" s="12">
        <v>0.04</v>
      </c>
      <c r="L63" s="12">
        <v>3008505.13</v>
      </c>
      <c r="M63" s="12">
        <v>298355.43</v>
      </c>
    </row>
    <row r="64" spans="1:13" x14ac:dyDescent="0.25">
      <c r="A64" s="2" t="s">
        <v>120</v>
      </c>
      <c r="B64" s="4" t="s">
        <v>421</v>
      </c>
      <c r="C64" s="12">
        <v>16645400</v>
      </c>
      <c r="D64" s="12">
        <v>16671100</v>
      </c>
      <c r="E64" s="12">
        <v>1213329.6000000001</v>
      </c>
      <c r="F64" s="12">
        <v>3180609.45</v>
      </c>
      <c r="G64" s="12">
        <v>0.02</v>
      </c>
      <c r="H64" s="12">
        <v>13490490.550000001</v>
      </c>
      <c r="I64" s="12">
        <v>1213329.6000000001</v>
      </c>
      <c r="J64" s="12">
        <v>3180609.45</v>
      </c>
      <c r="K64" s="12">
        <v>0.02</v>
      </c>
      <c r="L64" s="12">
        <v>13490490.550000001</v>
      </c>
      <c r="M64" s="12">
        <v>0</v>
      </c>
    </row>
    <row r="65" spans="1:13" x14ac:dyDescent="0.25">
      <c r="A65" s="2" t="s">
        <v>121</v>
      </c>
      <c r="B65" s="4" t="s">
        <v>408</v>
      </c>
      <c r="C65" s="12">
        <v>59000</v>
      </c>
      <c r="D65" s="12">
        <v>59700</v>
      </c>
      <c r="E65" s="12">
        <v>9970.7099999999991</v>
      </c>
      <c r="F65" s="12">
        <v>59075.06</v>
      </c>
      <c r="G65" s="12">
        <v>0</v>
      </c>
      <c r="H65" s="12">
        <v>624.94000000000005</v>
      </c>
      <c r="I65" s="12">
        <v>9970.7099999999991</v>
      </c>
      <c r="J65" s="12">
        <v>59075.06</v>
      </c>
      <c r="K65" s="12">
        <v>0</v>
      </c>
      <c r="L65" s="12">
        <v>624.94000000000005</v>
      </c>
      <c r="M65" s="12">
        <v>0</v>
      </c>
    </row>
    <row r="66" spans="1:13" x14ac:dyDescent="0.25">
      <c r="A66" s="3" t="s">
        <v>122</v>
      </c>
      <c r="B66" s="5" t="s">
        <v>422</v>
      </c>
      <c r="C66" s="11">
        <v>2044309500</v>
      </c>
      <c r="D66" s="11">
        <v>1910843204.6500001</v>
      </c>
      <c r="E66" s="11">
        <v>379722333.79000002</v>
      </c>
      <c r="F66" s="11">
        <v>1807179113.1600001</v>
      </c>
      <c r="G66" s="11">
        <v>12.01</v>
      </c>
      <c r="H66" s="11">
        <v>103664091.48999999</v>
      </c>
      <c r="I66" s="11">
        <v>364525966.33999997</v>
      </c>
      <c r="J66" s="11">
        <v>1753689403.46</v>
      </c>
      <c r="K66" s="11">
        <v>11.91</v>
      </c>
      <c r="L66" s="11">
        <v>157153801.19</v>
      </c>
      <c r="M66" s="11">
        <v>53489709.700000003</v>
      </c>
    </row>
    <row r="67" spans="1:13" x14ac:dyDescent="0.25">
      <c r="A67" s="2" t="s">
        <v>123</v>
      </c>
      <c r="B67" s="4" t="s">
        <v>386</v>
      </c>
      <c r="C67" s="12">
        <v>1745388600</v>
      </c>
      <c r="D67" s="12">
        <v>1627752120.6500001</v>
      </c>
      <c r="E67" s="12">
        <v>327089941.44</v>
      </c>
      <c r="F67" s="12">
        <v>1591749057.95</v>
      </c>
      <c r="G67" s="12">
        <v>10.56</v>
      </c>
      <c r="H67" s="12">
        <v>36003062.700000003</v>
      </c>
      <c r="I67" s="12">
        <v>333603702.81</v>
      </c>
      <c r="J67" s="12">
        <v>1587698128.5</v>
      </c>
      <c r="K67" s="12">
        <v>10.79</v>
      </c>
      <c r="L67" s="12">
        <v>40053992.149999999</v>
      </c>
      <c r="M67" s="12">
        <v>4050929.45</v>
      </c>
    </row>
    <row r="68" spans="1:13" x14ac:dyDescent="0.25">
      <c r="A68" s="2" t="s">
        <v>124</v>
      </c>
      <c r="B68" s="4" t="s">
        <v>423</v>
      </c>
      <c r="C68" s="12">
        <v>19435000</v>
      </c>
      <c r="D68" s="12">
        <v>4453298</v>
      </c>
      <c r="E68" s="12">
        <v>4205350.05</v>
      </c>
      <c r="F68" s="12">
        <v>4453297.83</v>
      </c>
      <c r="G68" s="12">
        <v>0.03</v>
      </c>
      <c r="H68" s="12">
        <v>0.17</v>
      </c>
      <c r="I68" s="12">
        <v>0</v>
      </c>
      <c r="J68" s="12">
        <v>247947.78</v>
      </c>
      <c r="K68" s="12">
        <v>0</v>
      </c>
      <c r="L68" s="12">
        <v>4205350.22</v>
      </c>
      <c r="M68" s="12">
        <v>4205350.05</v>
      </c>
    </row>
    <row r="69" spans="1:13" x14ac:dyDescent="0.25">
      <c r="A69" s="2" t="s">
        <v>125</v>
      </c>
      <c r="B69" s="4" t="s">
        <v>424</v>
      </c>
      <c r="C69" s="12">
        <v>17533000</v>
      </c>
      <c r="D69" s="12">
        <v>12600631</v>
      </c>
      <c r="E69" s="12">
        <v>3961524.45</v>
      </c>
      <c r="F69" s="12">
        <v>12600630.449999999</v>
      </c>
      <c r="G69" s="12">
        <v>0.08</v>
      </c>
      <c r="H69" s="12">
        <v>0.55000000000000004</v>
      </c>
      <c r="I69" s="12">
        <v>3663322</v>
      </c>
      <c r="J69" s="12">
        <v>8639106</v>
      </c>
      <c r="K69" s="12">
        <v>0.06</v>
      </c>
      <c r="L69" s="12">
        <v>3961525</v>
      </c>
      <c r="M69" s="12">
        <v>3961524.45</v>
      </c>
    </row>
    <row r="70" spans="1:13" x14ac:dyDescent="0.25">
      <c r="A70" s="2" t="s">
        <v>126</v>
      </c>
      <c r="B70" s="4" t="s">
        <v>418</v>
      </c>
      <c r="C70" s="12">
        <v>14339000</v>
      </c>
      <c r="D70" s="12">
        <v>17398932</v>
      </c>
      <c r="E70" s="12">
        <v>758743.61</v>
      </c>
      <c r="F70" s="12">
        <v>13073896.609999999</v>
      </c>
      <c r="G70" s="12">
        <v>0.09</v>
      </c>
      <c r="H70" s="12">
        <v>4325035.3899999997</v>
      </c>
      <c r="I70" s="12">
        <v>1427247.18</v>
      </c>
      <c r="J70" s="12">
        <v>12440499.42</v>
      </c>
      <c r="K70" s="12">
        <v>0.08</v>
      </c>
      <c r="L70" s="12">
        <v>4958432.58</v>
      </c>
      <c r="M70" s="12">
        <v>633397.18999999994</v>
      </c>
    </row>
    <row r="71" spans="1:13" x14ac:dyDescent="0.25">
      <c r="A71" s="2" t="s">
        <v>127</v>
      </c>
      <c r="B71" s="4" t="s">
        <v>407</v>
      </c>
      <c r="C71" s="12">
        <v>27461500</v>
      </c>
      <c r="D71" s="12">
        <v>26697350</v>
      </c>
      <c r="E71" s="12">
        <v>1938696.31</v>
      </c>
      <c r="F71" s="12">
        <v>8606367.6899999995</v>
      </c>
      <c r="G71" s="12">
        <v>0.06</v>
      </c>
      <c r="H71" s="12">
        <v>18090982.309999999</v>
      </c>
      <c r="I71" s="12">
        <v>2346061.58</v>
      </c>
      <c r="J71" s="12">
        <v>7768208.1100000003</v>
      </c>
      <c r="K71" s="12">
        <v>0.05</v>
      </c>
      <c r="L71" s="12">
        <v>18929141.890000001</v>
      </c>
      <c r="M71" s="12">
        <v>838159.58</v>
      </c>
    </row>
    <row r="72" spans="1:13" x14ac:dyDescent="0.25">
      <c r="A72" s="2" t="s">
        <v>129</v>
      </c>
      <c r="B72" s="4" t="s">
        <v>425</v>
      </c>
      <c r="C72" s="12">
        <v>750000</v>
      </c>
      <c r="D72" s="12">
        <v>0</v>
      </c>
      <c r="E72" s="12">
        <v>0</v>
      </c>
      <c r="F72" s="12">
        <v>0</v>
      </c>
      <c r="G72" s="12">
        <v>0</v>
      </c>
      <c r="H72" s="12">
        <v>0</v>
      </c>
      <c r="I72" s="12">
        <v>0</v>
      </c>
      <c r="J72" s="12">
        <v>0</v>
      </c>
      <c r="K72" s="12">
        <v>0</v>
      </c>
      <c r="L72" s="12">
        <v>0</v>
      </c>
      <c r="M72" s="12">
        <v>0</v>
      </c>
    </row>
    <row r="73" spans="1:13" x14ac:dyDescent="0.25">
      <c r="A73" s="2" t="s">
        <v>131</v>
      </c>
      <c r="B73" s="4" t="s">
        <v>426</v>
      </c>
      <c r="C73" s="12">
        <v>6000000</v>
      </c>
      <c r="D73" s="12">
        <v>2300160</v>
      </c>
      <c r="E73" s="12">
        <v>150116.84</v>
      </c>
      <c r="F73" s="12">
        <v>772333.2</v>
      </c>
      <c r="G73" s="12">
        <v>0.01</v>
      </c>
      <c r="H73" s="12">
        <v>1527826.8</v>
      </c>
      <c r="I73" s="12">
        <v>165232.04</v>
      </c>
      <c r="J73" s="12">
        <v>756436.5</v>
      </c>
      <c r="K73" s="12">
        <v>0.01</v>
      </c>
      <c r="L73" s="12">
        <v>1543723.5</v>
      </c>
      <c r="M73" s="12">
        <v>15896.7</v>
      </c>
    </row>
    <row r="74" spans="1:13" x14ac:dyDescent="0.25">
      <c r="A74" s="2" t="s">
        <v>133</v>
      </c>
      <c r="B74" s="4" t="s">
        <v>427</v>
      </c>
      <c r="C74" s="12">
        <v>21462800</v>
      </c>
      <c r="D74" s="12">
        <v>15630959</v>
      </c>
      <c r="E74" s="12">
        <v>1742515.82</v>
      </c>
      <c r="F74" s="12">
        <v>7265828.5899999999</v>
      </c>
      <c r="G74" s="12">
        <v>0.05</v>
      </c>
      <c r="H74" s="12">
        <v>8365130.4100000001</v>
      </c>
      <c r="I74" s="12">
        <v>1786166.18</v>
      </c>
      <c r="J74" s="12">
        <v>7235157.29</v>
      </c>
      <c r="K74" s="12">
        <v>0.05</v>
      </c>
      <c r="L74" s="12">
        <v>8395801.7100000009</v>
      </c>
      <c r="M74" s="12">
        <v>30671.3</v>
      </c>
    </row>
    <row r="75" spans="1:13" x14ac:dyDescent="0.25">
      <c r="A75" s="2" t="s">
        <v>135</v>
      </c>
      <c r="B75" s="4" t="s">
        <v>428</v>
      </c>
      <c r="C75" s="12">
        <v>176297600</v>
      </c>
      <c r="D75" s="12">
        <v>188201654</v>
      </c>
      <c r="E75" s="12">
        <v>37817328.299999997</v>
      </c>
      <c r="F75" s="12">
        <v>157763216.34</v>
      </c>
      <c r="G75" s="12">
        <v>1.05</v>
      </c>
      <c r="H75" s="12">
        <v>30438437.66</v>
      </c>
      <c r="I75" s="12">
        <v>19565063.359999999</v>
      </c>
      <c r="J75" s="12">
        <v>118184092.63</v>
      </c>
      <c r="K75" s="12">
        <v>0.8</v>
      </c>
      <c r="L75" s="12">
        <v>70017561.370000005</v>
      </c>
      <c r="M75" s="12">
        <v>39579123.710000001</v>
      </c>
    </row>
    <row r="76" spans="1:13" x14ac:dyDescent="0.25">
      <c r="A76" s="2" t="s">
        <v>137</v>
      </c>
      <c r="B76" s="4" t="s">
        <v>429</v>
      </c>
      <c r="C76" s="12">
        <v>6230000</v>
      </c>
      <c r="D76" s="12">
        <v>6052100</v>
      </c>
      <c r="E76" s="12">
        <v>681197.05</v>
      </c>
      <c r="F76" s="12">
        <v>3806027.11</v>
      </c>
      <c r="G76" s="12">
        <v>0.03</v>
      </c>
      <c r="H76" s="12">
        <v>2246072.89</v>
      </c>
      <c r="I76" s="12">
        <v>592251.27</v>
      </c>
      <c r="J76" s="12">
        <v>3631369.84</v>
      </c>
      <c r="K76" s="12">
        <v>0.02</v>
      </c>
      <c r="L76" s="12">
        <v>2420730.16</v>
      </c>
      <c r="M76" s="12">
        <v>174657.27</v>
      </c>
    </row>
    <row r="77" spans="1:13" x14ac:dyDescent="0.25">
      <c r="A77" s="2" t="s">
        <v>139</v>
      </c>
      <c r="B77" s="4" t="s">
        <v>430</v>
      </c>
      <c r="C77" s="12">
        <v>0</v>
      </c>
      <c r="D77" s="12">
        <v>0</v>
      </c>
      <c r="E77" s="12">
        <v>0</v>
      </c>
      <c r="F77" s="12">
        <v>0</v>
      </c>
      <c r="G77" s="12">
        <v>0</v>
      </c>
      <c r="H77" s="12">
        <v>0</v>
      </c>
      <c r="I77" s="12">
        <v>0</v>
      </c>
      <c r="J77" s="12">
        <v>0</v>
      </c>
      <c r="K77" s="12">
        <v>0</v>
      </c>
      <c r="L77" s="12">
        <v>0</v>
      </c>
      <c r="M77" s="12">
        <v>0</v>
      </c>
    </row>
    <row r="78" spans="1:13" x14ac:dyDescent="0.25">
      <c r="A78" s="2" t="s">
        <v>141</v>
      </c>
      <c r="B78" s="4" t="s">
        <v>408</v>
      </c>
      <c r="C78" s="12">
        <v>9412000</v>
      </c>
      <c r="D78" s="12">
        <v>9756000</v>
      </c>
      <c r="E78" s="12">
        <v>1376919.92</v>
      </c>
      <c r="F78" s="12">
        <v>7088457.3899999997</v>
      </c>
      <c r="G78" s="12">
        <v>0.05</v>
      </c>
      <c r="H78" s="12">
        <v>2667542.61</v>
      </c>
      <c r="I78" s="12">
        <v>1376919.92</v>
      </c>
      <c r="J78" s="12">
        <v>7088457.3899999997</v>
      </c>
      <c r="K78" s="12">
        <v>0.05</v>
      </c>
      <c r="L78" s="12">
        <v>2667542.61</v>
      </c>
      <c r="M78" s="12">
        <v>0</v>
      </c>
    </row>
    <row r="79" spans="1:13" x14ac:dyDescent="0.25">
      <c r="A79" s="3" t="s">
        <v>143</v>
      </c>
      <c r="B79" s="5" t="s">
        <v>431</v>
      </c>
      <c r="C79" s="11">
        <v>43826400</v>
      </c>
      <c r="D79" s="11">
        <v>72490358.219999999</v>
      </c>
      <c r="E79" s="11">
        <v>6525861.6799999997</v>
      </c>
      <c r="F79" s="11">
        <v>38859725.270000003</v>
      </c>
      <c r="G79" s="11">
        <v>0.26</v>
      </c>
      <c r="H79" s="11">
        <v>33630632.950000003</v>
      </c>
      <c r="I79" s="11">
        <v>9932851.9900000002</v>
      </c>
      <c r="J79" s="11">
        <v>37509415.82</v>
      </c>
      <c r="K79" s="11">
        <v>0.25</v>
      </c>
      <c r="L79" s="11">
        <v>34980942.399999999</v>
      </c>
      <c r="M79" s="11">
        <v>1350309.45</v>
      </c>
    </row>
    <row r="80" spans="1:13" x14ac:dyDescent="0.25">
      <c r="A80" s="2" t="s">
        <v>145</v>
      </c>
      <c r="B80" s="4" t="s">
        <v>432</v>
      </c>
      <c r="C80" s="12">
        <v>43815300</v>
      </c>
      <c r="D80" s="12">
        <v>72479148.219999999</v>
      </c>
      <c r="E80" s="12">
        <v>6525861.6799999997</v>
      </c>
      <c r="F80" s="12">
        <v>38851907.359999999</v>
      </c>
      <c r="G80" s="12">
        <v>0.26</v>
      </c>
      <c r="H80" s="12">
        <v>33627240.859999999</v>
      </c>
      <c r="I80" s="12">
        <v>9932851.9900000002</v>
      </c>
      <c r="J80" s="12">
        <v>37501597.909999996</v>
      </c>
      <c r="K80" s="12">
        <v>0.25</v>
      </c>
      <c r="L80" s="12">
        <v>34977550.310000002</v>
      </c>
      <c r="M80" s="12">
        <v>1350309.45</v>
      </c>
    </row>
    <row r="81" spans="1:13" x14ac:dyDescent="0.25">
      <c r="A81" s="2" t="s">
        <v>147</v>
      </c>
      <c r="B81" s="4" t="s">
        <v>390</v>
      </c>
      <c r="C81" s="12">
        <v>11100</v>
      </c>
      <c r="D81" s="12">
        <v>11210</v>
      </c>
      <c r="E81" s="12">
        <v>0</v>
      </c>
      <c r="F81" s="12">
        <v>7817.91</v>
      </c>
      <c r="G81" s="12">
        <v>0</v>
      </c>
      <c r="H81" s="12">
        <v>3392.09</v>
      </c>
      <c r="I81" s="12">
        <v>0</v>
      </c>
      <c r="J81" s="12">
        <v>7817.91</v>
      </c>
      <c r="K81" s="12">
        <v>0</v>
      </c>
      <c r="L81" s="12">
        <v>3392.09</v>
      </c>
      <c r="M81" s="12">
        <v>0</v>
      </c>
    </row>
    <row r="82" spans="1:13" x14ac:dyDescent="0.25">
      <c r="A82" s="3" t="s">
        <v>149</v>
      </c>
      <c r="B82" s="5" t="s">
        <v>433</v>
      </c>
      <c r="C82" s="11">
        <v>245087400</v>
      </c>
      <c r="D82" s="11">
        <v>275467110.80000001</v>
      </c>
      <c r="E82" s="11">
        <v>38925097.189999998</v>
      </c>
      <c r="F82" s="11">
        <v>241981220.66</v>
      </c>
      <c r="G82" s="11">
        <v>1.61</v>
      </c>
      <c r="H82" s="11">
        <v>33485890.140000001</v>
      </c>
      <c r="I82" s="11">
        <v>40722668.890000001</v>
      </c>
      <c r="J82" s="11">
        <v>239768622.36000001</v>
      </c>
      <c r="K82" s="11">
        <v>1.63</v>
      </c>
      <c r="L82" s="11">
        <v>35698488.439999998</v>
      </c>
      <c r="M82" s="11">
        <v>2212598.2999999998</v>
      </c>
    </row>
    <row r="83" spans="1:13" x14ac:dyDescent="0.25">
      <c r="A83" s="2" t="s">
        <v>151</v>
      </c>
      <c r="B83" s="4" t="s">
        <v>434</v>
      </c>
      <c r="C83" s="12">
        <v>9434500</v>
      </c>
      <c r="D83" s="12">
        <v>9504476.8000000007</v>
      </c>
      <c r="E83" s="12">
        <v>1233470.92</v>
      </c>
      <c r="F83" s="12">
        <v>8326472.4199999999</v>
      </c>
      <c r="G83" s="12">
        <v>0.06</v>
      </c>
      <c r="H83" s="12">
        <v>1178004.3799999999</v>
      </c>
      <c r="I83" s="12">
        <v>1312893.51</v>
      </c>
      <c r="J83" s="12">
        <v>8319346.3399999999</v>
      </c>
      <c r="K83" s="12">
        <v>0.06</v>
      </c>
      <c r="L83" s="12">
        <v>1185130.46</v>
      </c>
      <c r="M83" s="12">
        <v>7126.08</v>
      </c>
    </row>
    <row r="84" spans="1:13" x14ac:dyDescent="0.25">
      <c r="A84" s="2" t="s">
        <v>152</v>
      </c>
      <c r="B84" s="4" t="s">
        <v>435</v>
      </c>
      <c r="C84" s="12">
        <v>228461600</v>
      </c>
      <c r="D84" s="12">
        <v>259424634</v>
      </c>
      <c r="E84" s="12">
        <v>37391318.57</v>
      </c>
      <c r="F84" s="12">
        <v>231522411.18000001</v>
      </c>
      <c r="G84" s="12">
        <v>1.54</v>
      </c>
      <c r="H84" s="12">
        <v>27902222.82</v>
      </c>
      <c r="I84" s="12">
        <v>39094109.32</v>
      </c>
      <c r="J84" s="12">
        <v>229582445.78</v>
      </c>
      <c r="K84" s="12">
        <v>1.56</v>
      </c>
      <c r="L84" s="12">
        <v>29842188.219999999</v>
      </c>
      <c r="M84" s="12">
        <v>1939965.4</v>
      </c>
    </row>
    <row r="85" spans="1:13" x14ac:dyDescent="0.25">
      <c r="A85" s="2" t="s">
        <v>153</v>
      </c>
      <c r="B85" s="4" t="s">
        <v>394</v>
      </c>
      <c r="C85" s="12">
        <v>6691300</v>
      </c>
      <c r="D85" s="12">
        <v>6038000</v>
      </c>
      <c r="E85" s="12">
        <v>300307.7</v>
      </c>
      <c r="F85" s="12">
        <v>2132337.06</v>
      </c>
      <c r="G85" s="12">
        <v>0.01</v>
      </c>
      <c r="H85" s="12">
        <v>3905662.94</v>
      </c>
      <c r="I85" s="12">
        <v>315666.06</v>
      </c>
      <c r="J85" s="12">
        <v>1866830.24</v>
      </c>
      <c r="K85" s="12">
        <v>0.01</v>
      </c>
      <c r="L85" s="12">
        <v>4171169.76</v>
      </c>
      <c r="M85" s="12">
        <v>265506.82</v>
      </c>
    </row>
    <row r="86" spans="1:13" x14ac:dyDescent="0.25">
      <c r="A86" s="2" t="s">
        <v>155</v>
      </c>
      <c r="B86" s="4" t="s">
        <v>436</v>
      </c>
      <c r="C86" s="12">
        <v>500000</v>
      </c>
      <c r="D86" s="12">
        <v>500000</v>
      </c>
      <c r="E86" s="12">
        <v>0</v>
      </c>
      <c r="F86" s="12">
        <v>0</v>
      </c>
      <c r="G86" s="12">
        <v>0</v>
      </c>
      <c r="H86" s="12">
        <v>500000</v>
      </c>
      <c r="I86" s="12">
        <v>0</v>
      </c>
      <c r="J86" s="12">
        <v>0</v>
      </c>
      <c r="K86" s="12">
        <v>0</v>
      </c>
      <c r="L86" s="12">
        <v>500000</v>
      </c>
      <c r="M86" s="12">
        <v>0</v>
      </c>
    </row>
    <row r="87" spans="1:13" x14ac:dyDescent="0.25">
      <c r="A87" s="3" t="s">
        <v>157</v>
      </c>
      <c r="B87" s="5" t="s">
        <v>437</v>
      </c>
      <c r="C87" s="11">
        <v>63527300</v>
      </c>
      <c r="D87" s="11">
        <v>54408549</v>
      </c>
      <c r="E87" s="11">
        <v>1607538.87</v>
      </c>
      <c r="F87" s="11">
        <v>24723124.93</v>
      </c>
      <c r="G87" s="11">
        <v>0.16</v>
      </c>
      <c r="H87" s="11">
        <v>29685424.07</v>
      </c>
      <c r="I87" s="11">
        <v>801007.28</v>
      </c>
      <c r="J87" s="11">
        <v>5182243.49</v>
      </c>
      <c r="K87" s="11">
        <v>0.04</v>
      </c>
      <c r="L87" s="11">
        <v>49226305.509999998</v>
      </c>
      <c r="M87" s="11">
        <v>19540881.440000001</v>
      </c>
    </row>
    <row r="88" spans="1:13" x14ac:dyDescent="0.25">
      <c r="A88" s="2" t="s">
        <v>159</v>
      </c>
      <c r="B88" s="4" t="s">
        <v>438</v>
      </c>
      <c r="C88" s="12">
        <v>63527300</v>
      </c>
      <c r="D88" s="12">
        <v>54408549</v>
      </c>
      <c r="E88" s="12">
        <v>1607538.87</v>
      </c>
      <c r="F88" s="12">
        <v>24723124.93</v>
      </c>
      <c r="G88" s="12">
        <v>0.16</v>
      </c>
      <c r="H88" s="12">
        <v>29685424.07</v>
      </c>
      <c r="I88" s="12">
        <v>801007.28</v>
      </c>
      <c r="J88" s="12">
        <v>5182243.49</v>
      </c>
      <c r="K88" s="12">
        <v>0.04</v>
      </c>
      <c r="L88" s="12">
        <v>49226305.509999998</v>
      </c>
      <c r="M88" s="12">
        <v>19540881.440000001</v>
      </c>
    </row>
    <row r="89" spans="1:13" x14ac:dyDescent="0.25">
      <c r="A89" s="3" t="s">
        <v>161</v>
      </c>
      <c r="B89" s="5" t="s">
        <v>439</v>
      </c>
      <c r="C89" s="11">
        <v>21334100</v>
      </c>
      <c r="D89" s="11">
        <v>81059098</v>
      </c>
      <c r="E89" s="11">
        <v>-6671137.7999999998</v>
      </c>
      <c r="F89" s="11">
        <v>52099128.530000001</v>
      </c>
      <c r="G89" s="11">
        <v>0.34</v>
      </c>
      <c r="H89" s="11">
        <v>28959969.469999999</v>
      </c>
      <c r="I89" s="11">
        <v>7017955.4800000004</v>
      </c>
      <c r="J89" s="11">
        <v>50257557.340000004</v>
      </c>
      <c r="K89" s="11">
        <v>0.34</v>
      </c>
      <c r="L89" s="11">
        <v>30801540.66</v>
      </c>
      <c r="M89" s="11">
        <v>1841571.19</v>
      </c>
    </row>
    <row r="90" spans="1:13" x14ac:dyDescent="0.25">
      <c r="A90" s="2" t="s">
        <v>163</v>
      </c>
      <c r="B90" s="4" t="s">
        <v>386</v>
      </c>
      <c r="C90" s="12">
        <v>10158600</v>
      </c>
      <c r="D90" s="12">
        <v>11527830</v>
      </c>
      <c r="E90" s="12">
        <v>1336466</v>
      </c>
      <c r="F90" s="12">
        <v>9390688.4900000002</v>
      </c>
      <c r="G90" s="12">
        <v>0.06</v>
      </c>
      <c r="H90" s="12">
        <v>2137141.5099999998</v>
      </c>
      <c r="I90" s="12">
        <v>1338439.3799999999</v>
      </c>
      <c r="J90" s="12">
        <v>9331000.8900000006</v>
      </c>
      <c r="K90" s="12">
        <v>0.06</v>
      </c>
      <c r="L90" s="12">
        <v>2196829.11</v>
      </c>
      <c r="M90" s="12">
        <v>59687.6</v>
      </c>
    </row>
    <row r="91" spans="1:13" x14ac:dyDescent="0.25">
      <c r="A91" s="2" t="s">
        <v>178</v>
      </c>
      <c r="B91" s="4" t="s">
        <v>396</v>
      </c>
      <c r="C91" s="12">
        <v>1000</v>
      </c>
      <c r="D91" s="12">
        <v>1000</v>
      </c>
      <c r="E91" s="12">
        <v>0</v>
      </c>
      <c r="F91" s="12">
        <v>0</v>
      </c>
      <c r="G91" s="12">
        <v>0</v>
      </c>
      <c r="H91" s="12">
        <v>1000</v>
      </c>
      <c r="I91" s="12">
        <v>0</v>
      </c>
      <c r="J91" s="12">
        <v>0</v>
      </c>
      <c r="K91" s="12">
        <v>0</v>
      </c>
      <c r="L91" s="12">
        <v>1000</v>
      </c>
      <c r="M91" s="12">
        <v>0</v>
      </c>
    </row>
    <row r="92" spans="1:13" x14ac:dyDescent="0.25">
      <c r="A92" s="2" t="s">
        <v>180</v>
      </c>
      <c r="B92" s="4" t="s">
        <v>440</v>
      </c>
      <c r="C92" s="12">
        <v>11174500</v>
      </c>
      <c r="D92" s="12">
        <v>69530268</v>
      </c>
      <c r="E92" s="12">
        <v>-8007603.7999999998</v>
      </c>
      <c r="F92" s="12">
        <v>42708440.039999999</v>
      </c>
      <c r="G92" s="12">
        <v>0.28000000000000003</v>
      </c>
      <c r="H92" s="12">
        <v>26821827.960000001</v>
      </c>
      <c r="I92" s="12">
        <v>5679516.0999999996</v>
      </c>
      <c r="J92" s="12">
        <v>40926556.450000003</v>
      </c>
      <c r="K92" s="12">
        <v>0.28000000000000003</v>
      </c>
      <c r="L92" s="12">
        <v>28603711.550000001</v>
      </c>
      <c r="M92" s="12">
        <v>1781883.59</v>
      </c>
    </row>
    <row r="93" spans="1:13" x14ac:dyDescent="0.25">
      <c r="A93" s="3" t="s">
        <v>182</v>
      </c>
      <c r="B93" s="5" t="s">
        <v>441</v>
      </c>
      <c r="C93" s="11">
        <v>76898200</v>
      </c>
      <c r="D93" s="11">
        <v>99946293</v>
      </c>
      <c r="E93" s="11">
        <v>9791620.6600000001</v>
      </c>
      <c r="F93" s="11">
        <v>75954868.609999999</v>
      </c>
      <c r="G93" s="11">
        <v>0.5</v>
      </c>
      <c r="H93" s="11">
        <v>23991424.390000001</v>
      </c>
      <c r="I93" s="11">
        <v>3944897.14</v>
      </c>
      <c r="J93" s="11">
        <v>23973767.649999999</v>
      </c>
      <c r="K93" s="11">
        <v>0.16</v>
      </c>
      <c r="L93" s="11">
        <v>75972525.349999994</v>
      </c>
      <c r="M93" s="11">
        <v>51981100.960000001</v>
      </c>
    </row>
    <row r="94" spans="1:13" x14ac:dyDescent="0.25">
      <c r="A94" s="2" t="s">
        <v>184</v>
      </c>
      <c r="B94" s="4" t="s">
        <v>442</v>
      </c>
      <c r="C94" s="12">
        <v>76898200</v>
      </c>
      <c r="D94" s="12">
        <v>99946293</v>
      </c>
      <c r="E94" s="12">
        <v>9791620.6600000001</v>
      </c>
      <c r="F94" s="12">
        <v>75954868.609999999</v>
      </c>
      <c r="G94" s="12">
        <v>0.5</v>
      </c>
      <c r="H94" s="12">
        <v>23991424.390000001</v>
      </c>
      <c r="I94" s="12">
        <v>3944897.14</v>
      </c>
      <c r="J94" s="12">
        <v>23973767.649999999</v>
      </c>
      <c r="K94" s="12">
        <v>0.16</v>
      </c>
      <c r="L94" s="12">
        <v>75972525.349999994</v>
      </c>
      <c r="M94" s="12">
        <v>51981100.960000001</v>
      </c>
    </row>
    <row r="95" spans="1:13" x14ac:dyDescent="0.25">
      <c r="A95" s="3" t="s">
        <v>186</v>
      </c>
      <c r="B95" s="5" t="s">
        <v>443</v>
      </c>
      <c r="C95" s="11">
        <v>91319100</v>
      </c>
      <c r="D95" s="11">
        <v>88507976.299999997</v>
      </c>
      <c r="E95" s="11">
        <v>4152431.54</v>
      </c>
      <c r="F95" s="11">
        <v>33209064.469999999</v>
      </c>
      <c r="G95" s="11">
        <v>0.21</v>
      </c>
      <c r="H95" s="11">
        <v>55298911.829999998</v>
      </c>
      <c r="I95" s="11">
        <v>4806536.62</v>
      </c>
      <c r="J95" s="11">
        <v>31954309.68</v>
      </c>
      <c r="K95" s="11">
        <v>0.21</v>
      </c>
      <c r="L95" s="11">
        <v>56553666.619999997</v>
      </c>
      <c r="M95" s="11">
        <v>1254754.79</v>
      </c>
    </row>
    <row r="96" spans="1:13" x14ac:dyDescent="0.25">
      <c r="A96" s="2" t="s">
        <v>188</v>
      </c>
      <c r="B96" s="4" t="s">
        <v>386</v>
      </c>
      <c r="C96" s="12">
        <v>40032200</v>
      </c>
      <c r="D96" s="12">
        <v>35926476.299999997</v>
      </c>
      <c r="E96" s="12">
        <v>3899754.02</v>
      </c>
      <c r="F96" s="12">
        <v>24387315.170000002</v>
      </c>
      <c r="G96" s="12">
        <v>0.16</v>
      </c>
      <c r="H96" s="12">
        <v>11539161.130000001</v>
      </c>
      <c r="I96" s="12">
        <v>3849769.49</v>
      </c>
      <c r="J96" s="12">
        <v>24205311.059999999</v>
      </c>
      <c r="K96" s="12">
        <v>0.16</v>
      </c>
      <c r="L96" s="12">
        <v>11721165.24</v>
      </c>
      <c r="M96" s="12">
        <v>182004.11</v>
      </c>
    </row>
    <row r="97" spans="1:13" x14ac:dyDescent="0.25">
      <c r="A97" s="2" t="s">
        <v>190</v>
      </c>
      <c r="B97" s="4" t="s">
        <v>444</v>
      </c>
      <c r="C97" s="12">
        <v>33745000</v>
      </c>
      <c r="D97" s="12">
        <v>33989100</v>
      </c>
      <c r="E97" s="12">
        <v>116663.82</v>
      </c>
      <c r="F97" s="12">
        <v>4832445.63</v>
      </c>
      <c r="G97" s="12">
        <v>0.03</v>
      </c>
      <c r="H97" s="12">
        <v>29156654.370000001</v>
      </c>
      <c r="I97" s="12">
        <v>446597.27</v>
      </c>
      <c r="J97" s="12">
        <v>4171393</v>
      </c>
      <c r="K97" s="12">
        <v>0.03</v>
      </c>
      <c r="L97" s="12">
        <v>29817707</v>
      </c>
      <c r="M97" s="12">
        <v>661052.63</v>
      </c>
    </row>
    <row r="98" spans="1:13" x14ac:dyDescent="0.25">
      <c r="A98" s="2" t="s">
        <v>192</v>
      </c>
      <c r="B98" s="4" t="s">
        <v>445</v>
      </c>
      <c r="C98" s="12">
        <v>16241900</v>
      </c>
      <c r="D98" s="12">
        <v>17042400</v>
      </c>
      <c r="E98" s="12">
        <v>53264.23</v>
      </c>
      <c r="F98" s="12">
        <v>3632429.25</v>
      </c>
      <c r="G98" s="12">
        <v>0.02</v>
      </c>
      <c r="H98" s="12">
        <v>13409970.75</v>
      </c>
      <c r="I98" s="12">
        <v>425031.8</v>
      </c>
      <c r="J98" s="12">
        <v>3220731.2</v>
      </c>
      <c r="K98" s="12">
        <v>0.02</v>
      </c>
      <c r="L98" s="12">
        <v>13821668.800000001</v>
      </c>
      <c r="M98" s="12">
        <v>411698.05</v>
      </c>
    </row>
    <row r="99" spans="1:13" x14ac:dyDescent="0.25">
      <c r="A99" s="2" t="s">
        <v>194</v>
      </c>
      <c r="B99" s="4" t="s">
        <v>446</v>
      </c>
      <c r="C99" s="12">
        <v>1200000</v>
      </c>
      <c r="D99" s="12">
        <v>1450000</v>
      </c>
      <c r="E99" s="12">
        <v>82749.47</v>
      </c>
      <c r="F99" s="12">
        <v>356874.42</v>
      </c>
      <c r="G99" s="12">
        <v>0</v>
      </c>
      <c r="H99" s="12">
        <v>1093125.58</v>
      </c>
      <c r="I99" s="12">
        <v>85138.06</v>
      </c>
      <c r="J99" s="12">
        <v>356874.42</v>
      </c>
      <c r="K99" s="12">
        <v>0</v>
      </c>
      <c r="L99" s="12">
        <v>1093125.58</v>
      </c>
      <c r="M99" s="12">
        <v>0</v>
      </c>
    </row>
    <row r="100" spans="1:13" x14ac:dyDescent="0.25">
      <c r="A100" s="2" t="s">
        <v>196</v>
      </c>
      <c r="B100" s="4" t="s">
        <v>447</v>
      </c>
      <c r="C100" s="12">
        <v>100000</v>
      </c>
      <c r="D100" s="12">
        <v>100000</v>
      </c>
      <c r="E100" s="12">
        <v>0</v>
      </c>
      <c r="F100" s="12">
        <v>0</v>
      </c>
      <c r="G100" s="12">
        <v>0</v>
      </c>
      <c r="H100" s="12">
        <v>100000</v>
      </c>
      <c r="I100" s="12">
        <v>0</v>
      </c>
      <c r="J100" s="12">
        <v>0</v>
      </c>
      <c r="K100" s="12">
        <v>0</v>
      </c>
      <c r="L100" s="12">
        <v>100000</v>
      </c>
      <c r="M100" s="12">
        <v>0</v>
      </c>
    </row>
    <row r="101" spans="1:13" x14ac:dyDescent="0.25">
      <c r="A101" s="3" t="s">
        <v>198</v>
      </c>
      <c r="B101" s="5" t="s">
        <v>448</v>
      </c>
      <c r="C101" s="11">
        <v>40499600</v>
      </c>
      <c r="D101" s="11">
        <v>37364600</v>
      </c>
      <c r="E101" s="11">
        <v>201200.04</v>
      </c>
      <c r="F101" s="11">
        <v>7878058.5499999998</v>
      </c>
      <c r="G101" s="11">
        <v>0.05</v>
      </c>
      <c r="H101" s="11">
        <v>29486541.449999999</v>
      </c>
      <c r="I101" s="11">
        <v>301353.75</v>
      </c>
      <c r="J101" s="11">
        <v>6667354.8899999997</v>
      </c>
      <c r="K101" s="11">
        <v>0.04</v>
      </c>
      <c r="L101" s="11">
        <v>30697245.109999999</v>
      </c>
      <c r="M101" s="11">
        <v>1210703.6599999999</v>
      </c>
    </row>
    <row r="102" spans="1:13" x14ac:dyDescent="0.25">
      <c r="A102" s="2" t="s">
        <v>200</v>
      </c>
      <c r="B102" s="4" t="s">
        <v>387</v>
      </c>
      <c r="C102" s="12">
        <v>1100100</v>
      </c>
      <c r="D102" s="12">
        <v>1100100</v>
      </c>
      <c r="E102" s="12">
        <v>0</v>
      </c>
      <c r="F102" s="12">
        <v>0</v>
      </c>
      <c r="G102" s="12">
        <v>0</v>
      </c>
      <c r="H102" s="12">
        <v>1100100</v>
      </c>
      <c r="I102" s="12">
        <v>0</v>
      </c>
      <c r="J102" s="12">
        <v>0</v>
      </c>
      <c r="K102" s="12">
        <v>0</v>
      </c>
      <c r="L102" s="12">
        <v>1100100</v>
      </c>
      <c r="M102" s="12">
        <v>0</v>
      </c>
    </row>
    <row r="103" spans="1:13" x14ac:dyDescent="0.25">
      <c r="A103" s="2" t="s">
        <v>202</v>
      </c>
      <c r="B103" s="4" t="s">
        <v>429</v>
      </c>
      <c r="C103" s="12">
        <v>33773200</v>
      </c>
      <c r="D103" s="12">
        <v>33773200</v>
      </c>
      <c r="E103" s="12">
        <v>160855.41</v>
      </c>
      <c r="F103" s="12">
        <v>6776881.2300000004</v>
      </c>
      <c r="G103" s="12">
        <v>0.04</v>
      </c>
      <c r="H103" s="12">
        <v>26996318.77</v>
      </c>
      <c r="I103" s="12">
        <v>160855.41</v>
      </c>
      <c r="J103" s="12">
        <v>6257050.0999999996</v>
      </c>
      <c r="K103" s="12">
        <v>0.04</v>
      </c>
      <c r="L103" s="12">
        <v>27516149.899999999</v>
      </c>
      <c r="M103" s="12">
        <v>519831.13</v>
      </c>
    </row>
    <row r="104" spans="1:13" x14ac:dyDescent="0.25">
      <c r="A104" s="2" t="s">
        <v>204</v>
      </c>
      <c r="B104" s="4" t="s">
        <v>430</v>
      </c>
      <c r="C104" s="12">
        <v>5626300</v>
      </c>
      <c r="D104" s="12">
        <v>2491300</v>
      </c>
      <c r="E104" s="12">
        <v>40344.629999999997</v>
      </c>
      <c r="F104" s="12">
        <v>1101177.32</v>
      </c>
      <c r="G104" s="12">
        <v>0.01</v>
      </c>
      <c r="H104" s="12">
        <v>1390122.68</v>
      </c>
      <c r="I104" s="12">
        <v>140498.34</v>
      </c>
      <c r="J104" s="12">
        <v>410304.79</v>
      </c>
      <c r="K104" s="12">
        <v>0</v>
      </c>
      <c r="L104" s="12">
        <v>2080995.21</v>
      </c>
      <c r="M104" s="12">
        <v>690872.53</v>
      </c>
    </row>
    <row r="105" spans="1:13" x14ac:dyDescent="0.25">
      <c r="A105" s="3" t="s">
        <v>206</v>
      </c>
      <c r="B105" s="5" t="s">
        <v>449</v>
      </c>
      <c r="C105" s="11">
        <v>199591800</v>
      </c>
      <c r="D105" s="11">
        <v>252558624.61000001</v>
      </c>
      <c r="E105" s="11">
        <v>24133594.940000001</v>
      </c>
      <c r="F105" s="11">
        <v>129571142.3</v>
      </c>
      <c r="G105" s="11">
        <v>0.86</v>
      </c>
      <c r="H105" s="11">
        <v>122987482.31</v>
      </c>
      <c r="I105" s="11">
        <v>16943957.469999999</v>
      </c>
      <c r="J105" s="11">
        <v>118052633.88</v>
      </c>
      <c r="K105" s="11">
        <v>0.8</v>
      </c>
      <c r="L105" s="11">
        <v>134505990.72999999</v>
      </c>
      <c r="M105" s="11">
        <v>11518508.42</v>
      </c>
    </row>
    <row r="106" spans="1:13" x14ac:dyDescent="0.25">
      <c r="A106" s="2" t="s">
        <v>208</v>
      </c>
      <c r="B106" s="4" t="s">
        <v>386</v>
      </c>
      <c r="C106" s="12">
        <v>114491400</v>
      </c>
      <c r="D106" s="12">
        <v>105211291.61</v>
      </c>
      <c r="E106" s="12">
        <v>13446539.199999999</v>
      </c>
      <c r="F106" s="12">
        <v>94734101.230000004</v>
      </c>
      <c r="G106" s="12">
        <v>0.63</v>
      </c>
      <c r="H106" s="12">
        <v>10477190.380000001</v>
      </c>
      <c r="I106" s="12">
        <v>13758645.16</v>
      </c>
      <c r="J106" s="12">
        <v>94502350.640000001</v>
      </c>
      <c r="K106" s="12">
        <v>0.64</v>
      </c>
      <c r="L106" s="12">
        <v>10708940.970000001</v>
      </c>
      <c r="M106" s="12">
        <v>231750.59</v>
      </c>
    </row>
    <row r="107" spans="1:13" x14ac:dyDescent="0.25">
      <c r="A107" s="2" t="s">
        <v>210</v>
      </c>
      <c r="B107" s="4" t="s">
        <v>444</v>
      </c>
      <c r="C107" s="12">
        <v>100</v>
      </c>
      <c r="D107" s="12">
        <v>5730100</v>
      </c>
      <c r="E107" s="12">
        <v>0</v>
      </c>
      <c r="F107" s="12">
        <v>0</v>
      </c>
      <c r="G107" s="12">
        <v>0</v>
      </c>
      <c r="H107" s="12">
        <v>5730100</v>
      </c>
      <c r="I107" s="12">
        <v>0</v>
      </c>
      <c r="J107" s="12">
        <v>0</v>
      </c>
      <c r="K107" s="12">
        <v>0</v>
      </c>
      <c r="L107" s="12">
        <v>5730100</v>
      </c>
      <c r="M107" s="12">
        <v>0</v>
      </c>
    </row>
    <row r="108" spans="1:13" x14ac:dyDescent="0.25">
      <c r="A108" s="2" t="s">
        <v>212</v>
      </c>
      <c r="B108" s="4" t="s">
        <v>445</v>
      </c>
      <c r="C108" s="12">
        <v>587700</v>
      </c>
      <c r="D108" s="12">
        <v>240660</v>
      </c>
      <c r="E108" s="12">
        <v>0</v>
      </c>
      <c r="F108" s="12">
        <v>0</v>
      </c>
      <c r="G108" s="12">
        <v>0</v>
      </c>
      <c r="H108" s="12">
        <v>240660</v>
      </c>
      <c r="I108" s="12">
        <v>0</v>
      </c>
      <c r="J108" s="12">
        <v>0</v>
      </c>
      <c r="K108" s="12">
        <v>0</v>
      </c>
      <c r="L108" s="12">
        <v>240660</v>
      </c>
      <c r="M108" s="12">
        <v>0</v>
      </c>
    </row>
    <row r="109" spans="1:13" x14ac:dyDescent="0.25">
      <c r="A109" s="2" t="s">
        <v>214</v>
      </c>
      <c r="B109" s="4" t="s">
        <v>446</v>
      </c>
      <c r="C109" s="12">
        <v>100</v>
      </c>
      <c r="D109" s="12">
        <v>100</v>
      </c>
      <c r="E109" s="12">
        <v>0</v>
      </c>
      <c r="F109" s="12">
        <v>0</v>
      </c>
      <c r="G109" s="12">
        <v>0</v>
      </c>
      <c r="H109" s="12">
        <v>100</v>
      </c>
      <c r="I109" s="12">
        <v>0</v>
      </c>
      <c r="J109" s="12">
        <v>0</v>
      </c>
      <c r="K109" s="12">
        <v>0</v>
      </c>
      <c r="L109" s="12">
        <v>100</v>
      </c>
      <c r="M109" s="12">
        <v>0</v>
      </c>
    </row>
    <row r="110" spans="1:13" x14ac:dyDescent="0.25">
      <c r="A110" s="2" t="s">
        <v>216</v>
      </c>
      <c r="B110" s="4" t="s">
        <v>447</v>
      </c>
      <c r="C110" s="12">
        <v>584800</v>
      </c>
      <c r="D110" s="12">
        <v>698800</v>
      </c>
      <c r="E110" s="12">
        <v>5980</v>
      </c>
      <c r="F110" s="12">
        <v>5980</v>
      </c>
      <c r="G110" s="12">
        <v>0</v>
      </c>
      <c r="H110" s="12">
        <v>692820</v>
      </c>
      <c r="I110" s="12">
        <v>0</v>
      </c>
      <c r="J110" s="12">
        <v>0</v>
      </c>
      <c r="K110" s="12">
        <v>0</v>
      </c>
      <c r="L110" s="12">
        <v>698800</v>
      </c>
      <c r="M110" s="12">
        <v>5980</v>
      </c>
    </row>
    <row r="111" spans="1:13" x14ac:dyDescent="0.25">
      <c r="A111" s="2" t="s">
        <v>217</v>
      </c>
      <c r="B111" s="4" t="s">
        <v>430</v>
      </c>
      <c r="C111" s="12">
        <v>2748300</v>
      </c>
      <c r="D111" s="12">
        <v>2740305</v>
      </c>
      <c r="E111" s="12">
        <v>0</v>
      </c>
      <c r="F111" s="12">
        <v>0</v>
      </c>
      <c r="G111" s="12">
        <v>0</v>
      </c>
      <c r="H111" s="12">
        <v>2740305</v>
      </c>
      <c r="I111" s="12">
        <v>0</v>
      </c>
      <c r="J111" s="12">
        <v>0</v>
      </c>
      <c r="K111" s="12">
        <v>0</v>
      </c>
      <c r="L111" s="12">
        <v>2740305</v>
      </c>
      <c r="M111" s="12">
        <v>0</v>
      </c>
    </row>
    <row r="112" spans="1:13" x14ac:dyDescent="0.25">
      <c r="A112" s="2" t="s">
        <v>218</v>
      </c>
      <c r="B112" s="4" t="s">
        <v>450</v>
      </c>
      <c r="C112" s="12">
        <v>51245400</v>
      </c>
      <c r="D112" s="12">
        <v>109286828</v>
      </c>
      <c r="E112" s="12">
        <v>9109272.6699999999</v>
      </c>
      <c r="F112" s="12">
        <v>19777954.440000001</v>
      </c>
      <c r="G112" s="12">
        <v>0.13</v>
      </c>
      <c r="H112" s="12">
        <v>89508873.560000002</v>
      </c>
      <c r="I112" s="12">
        <v>205541.86</v>
      </c>
      <c r="J112" s="12">
        <v>9772392.1600000001</v>
      </c>
      <c r="K112" s="12">
        <v>7.0000000000000007E-2</v>
      </c>
      <c r="L112" s="12">
        <v>99514435.840000004</v>
      </c>
      <c r="M112" s="12">
        <v>10005562.279999999</v>
      </c>
    </row>
    <row r="113" spans="1:13" x14ac:dyDescent="0.25">
      <c r="A113" s="2" t="s">
        <v>220</v>
      </c>
      <c r="B113" s="4" t="s">
        <v>451</v>
      </c>
      <c r="C113" s="12">
        <v>100</v>
      </c>
      <c r="D113" s="12">
        <v>100</v>
      </c>
      <c r="E113" s="12">
        <v>0</v>
      </c>
      <c r="F113" s="12">
        <v>0</v>
      </c>
      <c r="G113" s="12">
        <v>0</v>
      </c>
      <c r="H113" s="12">
        <v>100</v>
      </c>
      <c r="I113" s="12">
        <v>0</v>
      </c>
      <c r="J113" s="12">
        <v>0</v>
      </c>
      <c r="K113" s="12">
        <v>0</v>
      </c>
      <c r="L113" s="12">
        <v>100</v>
      </c>
      <c r="M113" s="12">
        <v>0</v>
      </c>
    </row>
    <row r="114" spans="1:13" x14ac:dyDescent="0.25">
      <c r="A114" s="2" t="s">
        <v>222</v>
      </c>
      <c r="B114" s="4" t="s">
        <v>452</v>
      </c>
      <c r="C114" s="12">
        <v>8195800</v>
      </c>
      <c r="D114" s="12">
        <v>8195800</v>
      </c>
      <c r="E114" s="12">
        <v>1640393.06</v>
      </c>
      <c r="F114" s="12">
        <v>5879918.2400000002</v>
      </c>
      <c r="G114" s="12">
        <v>0.04</v>
      </c>
      <c r="H114" s="12">
        <v>2315881.7599999998</v>
      </c>
      <c r="I114" s="12">
        <v>1642643.06</v>
      </c>
      <c r="J114" s="12">
        <v>4894825.4400000004</v>
      </c>
      <c r="K114" s="12">
        <v>0.03</v>
      </c>
      <c r="L114" s="12">
        <v>3300974.56</v>
      </c>
      <c r="M114" s="12">
        <v>985092.8</v>
      </c>
    </row>
    <row r="115" spans="1:13" x14ac:dyDescent="0.25">
      <c r="A115" s="2" t="s">
        <v>224</v>
      </c>
      <c r="B115" s="4" t="s">
        <v>453</v>
      </c>
      <c r="C115" s="12">
        <v>21738000</v>
      </c>
      <c r="D115" s="12">
        <v>20454540</v>
      </c>
      <c r="E115" s="12">
        <v>-68589.990000000005</v>
      </c>
      <c r="F115" s="12">
        <v>9173188.3900000006</v>
      </c>
      <c r="G115" s="12">
        <v>0.06</v>
      </c>
      <c r="H115" s="12">
        <v>11281351.609999999</v>
      </c>
      <c r="I115" s="12">
        <v>1337127.3899999999</v>
      </c>
      <c r="J115" s="12">
        <v>8883065.6400000006</v>
      </c>
      <c r="K115" s="12">
        <v>0.06</v>
      </c>
      <c r="L115" s="12">
        <v>11571474.359999999</v>
      </c>
      <c r="M115" s="12">
        <v>290122.75</v>
      </c>
    </row>
    <row r="116" spans="1:13" x14ac:dyDescent="0.25">
      <c r="A116" s="2" t="s">
        <v>227</v>
      </c>
      <c r="B116" s="4" t="s">
        <v>454</v>
      </c>
      <c r="C116" s="12">
        <v>100</v>
      </c>
      <c r="D116" s="12">
        <v>100</v>
      </c>
      <c r="E116" s="12">
        <v>0</v>
      </c>
      <c r="F116" s="12">
        <v>0</v>
      </c>
      <c r="G116" s="12">
        <v>0</v>
      </c>
      <c r="H116" s="12">
        <v>100</v>
      </c>
      <c r="I116" s="12">
        <v>0</v>
      </c>
      <c r="J116" s="12">
        <v>0</v>
      </c>
      <c r="K116" s="12">
        <v>0</v>
      </c>
      <c r="L116" s="12">
        <v>100</v>
      </c>
      <c r="M116" s="12">
        <v>0</v>
      </c>
    </row>
    <row r="117" spans="1:13" x14ac:dyDescent="0.25">
      <c r="A117" s="3" t="s">
        <v>229</v>
      </c>
      <c r="B117" s="5" t="s">
        <v>455</v>
      </c>
      <c r="C117" s="11">
        <v>4138500</v>
      </c>
      <c r="D117" s="11">
        <v>4356194</v>
      </c>
      <c r="E117" s="11">
        <v>84720.82</v>
      </c>
      <c r="F117" s="11">
        <v>1204815.69</v>
      </c>
      <c r="G117" s="11">
        <v>0.01</v>
      </c>
      <c r="H117" s="11">
        <v>3151378.31</v>
      </c>
      <c r="I117" s="11">
        <v>168597.76000000001</v>
      </c>
      <c r="J117" s="11">
        <v>1135897.8799999999</v>
      </c>
      <c r="K117" s="11">
        <v>0.01</v>
      </c>
      <c r="L117" s="11">
        <v>3220296.12</v>
      </c>
      <c r="M117" s="11">
        <v>68917.81</v>
      </c>
    </row>
    <row r="118" spans="1:13" x14ac:dyDescent="0.25">
      <c r="A118" s="2" t="s">
        <v>231</v>
      </c>
      <c r="B118" s="4" t="s">
        <v>456</v>
      </c>
      <c r="C118" s="12">
        <v>4138500</v>
      </c>
      <c r="D118" s="12">
        <v>4356194</v>
      </c>
      <c r="E118" s="12">
        <v>84720.82</v>
      </c>
      <c r="F118" s="12">
        <v>1204815.69</v>
      </c>
      <c r="G118" s="12">
        <v>0.01</v>
      </c>
      <c r="H118" s="12">
        <v>3151378.31</v>
      </c>
      <c r="I118" s="12">
        <v>168597.76000000001</v>
      </c>
      <c r="J118" s="12">
        <v>1135897.8799999999</v>
      </c>
      <c r="K118" s="12">
        <v>0.01</v>
      </c>
      <c r="L118" s="12">
        <v>3220296.12</v>
      </c>
      <c r="M118" s="12">
        <v>68917.81</v>
      </c>
    </row>
    <row r="119" spans="1:13" x14ac:dyDescent="0.25">
      <c r="A119" s="3" t="s">
        <v>233</v>
      </c>
      <c r="B119" s="5" t="s">
        <v>457</v>
      </c>
      <c r="C119" s="11">
        <v>150000400</v>
      </c>
      <c r="D119" s="11">
        <v>248722772</v>
      </c>
      <c r="E119" s="11">
        <v>45299298.799999997</v>
      </c>
      <c r="F119" s="11">
        <v>244191809.94</v>
      </c>
      <c r="G119" s="11">
        <v>1.62</v>
      </c>
      <c r="H119" s="11">
        <v>4530962.0599999996</v>
      </c>
      <c r="I119" s="11">
        <v>48301465.520000003</v>
      </c>
      <c r="J119" s="11">
        <v>243949209.94</v>
      </c>
      <c r="K119" s="11">
        <v>1.66</v>
      </c>
      <c r="L119" s="11">
        <v>4773562.0599999996</v>
      </c>
      <c r="M119" s="11">
        <v>242600</v>
      </c>
    </row>
    <row r="120" spans="1:13" x14ac:dyDescent="0.25">
      <c r="A120" s="2" t="s">
        <v>235</v>
      </c>
      <c r="B120" s="4" t="s">
        <v>458</v>
      </c>
      <c r="C120" s="12">
        <v>150000400</v>
      </c>
      <c r="D120" s="12">
        <v>248722772</v>
      </c>
      <c r="E120" s="12">
        <v>45299298.799999997</v>
      </c>
      <c r="F120" s="12">
        <v>244191809.94</v>
      </c>
      <c r="G120" s="12">
        <v>1.62</v>
      </c>
      <c r="H120" s="12">
        <v>4530962.0599999996</v>
      </c>
      <c r="I120" s="12">
        <v>48301465.520000003</v>
      </c>
      <c r="J120" s="12">
        <v>243949209.94</v>
      </c>
      <c r="K120" s="12">
        <v>1.66</v>
      </c>
      <c r="L120" s="12">
        <v>4773562.0599999996</v>
      </c>
      <c r="M120" s="12">
        <v>242600</v>
      </c>
    </row>
    <row r="121" spans="1:13" x14ac:dyDescent="0.25">
      <c r="A121" s="3" t="s">
        <v>237</v>
      </c>
      <c r="B121" s="5" t="s">
        <v>459</v>
      </c>
      <c r="C121" s="11">
        <v>36095100</v>
      </c>
      <c r="D121" s="11">
        <v>38859642</v>
      </c>
      <c r="E121" s="11">
        <v>3197968.5</v>
      </c>
      <c r="F121" s="11">
        <v>22997806.379999999</v>
      </c>
      <c r="G121" s="11">
        <v>0.15</v>
      </c>
      <c r="H121" s="11">
        <v>15861835.619999999</v>
      </c>
      <c r="I121" s="11">
        <v>3645773.29</v>
      </c>
      <c r="J121" s="11">
        <v>22270797.100000001</v>
      </c>
      <c r="K121" s="11">
        <v>0.15</v>
      </c>
      <c r="L121" s="11">
        <v>16588844.9</v>
      </c>
      <c r="M121" s="11">
        <v>727009.28000000003</v>
      </c>
    </row>
    <row r="122" spans="1:13" x14ac:dyDescent="0.25">
      <c r="A122" s="2" t="s">
        <v>239</v>
      </c>
      <c r="B122" s="4" t="s">
        <v>458</v>
      </c>
      <c r="C122" s="12">
        <v>700</v>
      </c>
      <c r="D122" s="12">
        <v>700</v>
      </c>
      <c r="E122" s="12">
        <v>0</v>
      </c>
      <c r="F122" s="12">
        <v>0</v>
      </c>
      <c r="G122" s="12">
        <v>0</v>
      </c>
      <c r="H122" s="12">
        <v>700</v>
      </c>
      <c r="I122" s="12">
        <v>0</v>
      </c>
      <c r="J122" s="12">
        <v>0</v>
      </c>
      <c r="K122" s="12">
        <v>0</v>
      </c>
      <c r="L122" s="12">
        <v>700</v>
      </c>
      <c r="M122" s="12">
        <v>0</v>
      </c>
    </row>
    <row r="123" spans="1:13" x14ac:dyDescent="0.25">
      <c r="A123" s="2" t="s">
        <v>241</v>
      </c>
      <c r="B123" s="4" t="s">
        <v>460</v>
      </c>
      <c r="C123" s="12">
        <v>15480300</v>
      </c>
      <c r="D123" s="12">
        <v>15562800</v>
      </c>
      <c r="E123" s="12">
        <v>1785731.84</v>
      </c>
      <c r="F123" s="12">
        <v>10642701.369999999</v>
      </c>
      <c r="G123" s="12">
        <v>7.0000000000000007E-2</v>
      </c>
      <c r="H123" s="12">
        <v>4920098.63</v>
      </c>
      <c r="I123" s="12">
        <v>1868233.19</v>
      </c>
      <c r="J123" s="12">
        <v>10456261.310000001</v>
      </c>
      <c r="K123" s="12">
        <v>7.0000000000000007E-2</v>
      </c>
      <c r="L123" s="12">
        <v>5106538.6900000004</v>
      </c>
      <c r="M123" s="12">
        <v>186440.06</v>
      </c>
    </row>
    <row r="124" spans="1:13" x14ac:dyDescent="0.25">
      <c r="A124" s="2" t="s">
        <v>243</v>
      </c>
      <c r="B124" s="4" t="s">
        <v>454</v>
      </c>
      <c r="C124" s="12">
        <v>100</v>
      </c>
      <c r="D124" s="12">
        <v>100</v>
      </c>
      <c r="E124" s="12">
        <v>0</v>
      </c>
      <c r="F124" s="12">
        <v>0</v>
      </c>
      <c r="G124" s="12">
        <v>0</v>
      </c>
      <c r="H124" s="12">
        <v>100</v>
      </c>
      <c r="I124" s="12">
        <v>0</v>
      </c>
      <c r="J124" s="12">
        <v>0</v>
      </c>
      <c r="K124" s="12">
        <v>0</v>
      </c>
      <c r="L124" s="12">
        <v>100</v>
      </c>
      <c r="M124" s="12">
        <v>0</v>
      </c>
    </row>
    <row r="125" spans="1:13" x14ac:dyDescent="0.25">
      <c r="A125" s="2" t="s">
        <v>245</v>
      </c>
      <c r="B125" s="4" t="s">
        <v>461</v>
      </c>
      <c r="C125" s="12">
        <v>9610900</v>
      </c>
      <c r="D125" s="12">
        <v>9635872</v>
      </c>
      <c r="E125" s="12">
        <v>1453911.6</v>
      </c>
      <c r="F125" s="12">
        <v>7746883.9299999997</v>
      </c>
      <c r="G125" s="12">
        <v>0.05</v>
      </c>
      <c r="H125" s="12">
        <v>1888988.07</v>
      </c>
      <c r="I125" s="12">
        <v>997060.95</v>
      </c>
      <c r="J125" s="12">
        <v>7224608.7599999998</v>
      </c>
      <c r="K125" s="12">
        <v>0.05</v>
      </c>
      <c r="L125" s="12">
        <v>2411263.2400000002</v>
      </c>
      <c r="M125" s="12">
        <v>522275.17</v>
      </c>
    </row>
    <row r="126" spans="1:13" x14ac:dyDescent="0.25">
      <c r="A126" s="2" t="s">
        <v>247</v>
      </c>
      <c r="B126" s="4" t="s">
        <v>462</v>
      </c>
      <c r="C126" s="12">
        <v>11003100</v>
      </c>
      <c r="D126" s="12">
        <v>13660170</v>
      </c>
      <c r="E126" s="12">
        <v>-41674.94</v>
      </c>
      <c r="F126" s="12">
        <v>4608221.08</v>
      </c>
      <c r="G126" s="12">
        <v>0.03</v>
      </c>
      <c r="H126" s="12">
        <v>9051948.9199999999</v>
      </c>
      <c r="I126" s="12">
        <v>780479.15</v>
      </c>
      <c r="J126" s="12">
        <v>4589927.03</v>
      </c>
      <c r="K126" s="12">
        <v>0.03</v>
      </c>
      <c r="L126" s="12">
        <v>9070242.9700000007</v>
      </c>
      <c r="M126" s="12">
        <v>18294.05</v>
      </c>
    </row>
    <row r="127" spans="1:13" x14ac:dyDescent="0.25">
      <c r="A127" s="3" t="s">
        <v>249</v>
      </c>
      <c r="B127" s="5" t="s">
        <v>463</v>
      </c>
      <c r="C127" s="11">
        <v>0</v>
      </c>
      <c r="D127" s="11">
        <v>0</v>
      </c>
      <c r="E127" s="11">
        <v>0</v>
      </c>
      <c r="F127" s="11">
        <v>0</v>
      </c>
      <c r="G127" s="11">
        <v>0</v>
      </c>
      <c r="H127" s="11">
        <v>0</v>
      </c>
      <c r="I127" s="11">
        <v>0</v>
      </c>
      <c r="J127" s="11">
        <v>0</v>
      </c>
      <c r="K127" s="11">
        <v>0</v>
      </c>
      <c r="L127" s="11">
        <v>0</v>
      </c>
      <c r="M127" s="11">
        <v>0</v>
      </c>
    </row>
    <row r="128" spans="1:13" x14ac:dyDescent="0.25">
      <c r="A128" s="2" t="s">
        <v>251</v>
      </c>
      <c r="B128" s="4" t="s">
        <v>389</v>
      </c>
      <c r="C128" s="12">
        <v>0</v>
      </c>
      <c r="D128" s="12">
        <v>0</v>
      </c>
      <c r="E128" s="12">
        <v>0</v>
      </c>
      <c r="F128" s="12">
        <v>0</v>
      </c>
      <c r="G128" s="12">
        <v>0</v>
      </c>
      <c r="H128" s="12">
        <v>0</v>
      </c>
      <c r="I128" s="12">
        <v>0</v>
      </c>
      <c r="J128" s="12">
        <v>0</v>
      </c>
      <c r="K128" s="12">
        <v>0</v>
      </c>
      <c r="L128" s="12">
        <v>0</v>
      </c>
      <c r="M128" s="12">
        <v>0</v>
      </c>
    </row>
    <row r="129" spans="1:13" x14ac:dyDescent="0.25">
      <c r="A129" s="3" t="s">
        <v>253</v>
      </c>
      <c r="B129" s="5" t="s">
        <v>464</v>
      </c>
      <c r="C129" s="11">
        <v>5556000</v>
      </c>
      <c r="D129" s="11">
        <v>1465503</v>
      </c>
      <c r="E129" s="11">
        <v>-325140.67</v>
      </c>
      <c r="F129" s="11">
        <v>136343.29999999999</v>
      </c>
      <c r="G129" s="11">
        <v>0</v>
      </c>
      <c r="H129" s="11">
        <v>1329159.7</v>
      </c>
      <c r="I129" s="11">
        <v>75177.5</v>
      </c>
      <c r="J129" s="11">
        <v>136343.29999999999</v>
      </c>
      <c r="K129" s="11">
        <v>0</v>
      </c>
      <c r="L129" s="11">
        <v>1329159.7</v>
      </c>
      <c r="M129" s="11">
        <v>0</v>
      </c>
    </row>
    <row r="130" spans="1:13" x14ac:dyDescent="0.25">
      <c r="A130" s="2" t="s">
        <v>255</v>
      </c>
      <c r="B130" s="4" t="s">
        <v>465</v>
      </c>
      <c r="C130" s="12">
        <v>330000</v>
      </c>
      <c r="D130" s="12">
        <v>330000</v>
      </c>
      <c r="E130" s="12">
        <v>0</v>
      </c>
      <c r="F130" s="12">
        <v>0</v>
      </c>
      <c r="G130" s="12">
        <v>0</v>
      </c>
      <c r="H130" s="12">
        <v>330000</v>
      </c>
      <c r="I130" s="12">
        <v>0</v>
      </c>
      <c r="J130" s="12">
        <v>0</v>
      </c>
      <c r="K130" s="12">
        <v>0</v>
      </c>
      <c r="L130" s="12">
        <v>330000</v>
      </c>
      <c r="M130" s="12">
        <v>0</v>
      </c>
    </row>
    <row r="131" spans="1:13" x14ac:dyDescent="0.25">
      <c r="A131" s="2" t="s">
        <v>257</v>
      </c>
      <c r="B131" s="4" t="s">
        <v>466</v>
      </c>
      <c r="C131" s="12">
        <v>5226000</v>
      </c>
      <c r="D131" s="12">
        <v>1135503</v>
      </c>
      <c r="E131" s="12">
        <v>-325140.67</v>
      </c>
      <c r="F131" s="12">
        <v>136343.29999999999</v>
      </c>
      <c r="G131" s="12">
        <v>0</v>
      </c>
      <c r="H131" s="12">
        <v>999159.7</v>
      </c>
      <c r="I131" s="12">
        <v>75177.5</v>
      </c>
      <c r="J131" s="12">
        <v>136343.29999999999</v>
      </c>
      <c r="K131" s="12">
        <v>0</v>
      </c>
      <c r="L131" s="12">
        <v>999159.7</v>
      </c>
      <c r="M131" s="12">
        <v>0</v>
      </c>
    </row>
    <row r="132" spans="1:13" x14ac:dyDescent="0.25">
      <c r="A132" s="3" t="s">
        <v>259</v>
      </c>
      <c r="B132" s="5" t="s">
        <v>467</v>
      </c>
      <c r="C132" s="11">
        <v>788830100</v>
      </c>
      <c r="D132" s="11">
        <v>830983988.80999994</v>
      </c>
      <c r="E132" s="11">
        <v>-21919679.57</v>
      </c>
      <c r="F132" s="11">
        <v>733789134.51999998</v>
      </c>
      <c r="G132" s="11">
        <v>4.88</v>
      </c>
      <c r="H132" s="11">
        <v>97194854.290000007</v>
      </c>
      <c r="I132" s="11">
        <v>146475409.27000001</v>
      </c>
      <c r="J132" s="11">
        <v>731678718.04999995</v>
      </c>
      <c r="K132" s="11">
        <v>4.96</v>
      </c>
      <c r="L132" s="11">
        <v>99305270.760000005</v>
      </c>
      <c r="M132" s="11">
        <v>2110416.4700000002</v>
      </c>
    </row>
    <row r="133" spans="1:13" x14ac:dyDescent="0.25">
      <c r="A133" s="2" t="s">
        <v>261</v>
      </c>
      <c r="B133" s="4" t="s">
        <v>386</v>
      </c>
      <c r="C133" s="12">
        <v>101565000</v>
      </c>
      <c r="D133" s="12">
        <v>84178895.810000002</v>
      </c>
      <c r="E133" s="12">
        <v>7433081.4900000002</v>
      </c>
      <c r="F133" s="12">
        <v>56856296.07</v>
      </c>
      <c r="G133" s="12">
        <v>0.38</v>
      </c>
      <c r="H133" s="12">
        <v>27322599.739999998</v>
      </c>
      <c r="I133" s="12">
        <v>8278623.1900000004</v>
      </c>
      <c r="J133" s="12">
        <v>56345899.299999997</v>
      </c>
      <c r="K133" s="12">
        <v>0.38</v>
      </c>
      <c r="L133" s="12">
        <v>27832996.510000002</v>
      </c>
      <c r="M133" s="12">
        <v>510396.77</v>
      </c>
    </row>
    <row r="134" spans="1:13" x14ac:dyDescent="0.25">
      <c r="A134" s="2" t="s">
        <v>263</v>
      </c>
      <c r="B134" s="4" t="s">
        <v>468</v>
      </c>
      <c r="C134" s="12">
        <v>917000</v>
      </c>
      <c r="D134" s="12">
        <v>13338944</v>
      </c>
      <c r="E134" s="12">
        <v>-3267948.21</v>
      </c>
      <c r="F134" s="12">
        <v>5649672.5999999996</v>
      </c>
      <c r="G134" s="12">
        <v>0.04</v>
      </c>
      <c r="H134" s="12">
        <v>7689271.4000000004</v>
      </c>
      <c r="I134" s="12">
        <v>23239.200000000001</v>
      </c>
      <c r="J134" s="12">
        <v>5015144.0999999996</v>
      </c>
      <c r="K134" s="12">
        <v>0.03</v>
      </c>
      <c r="L134" s="12">
        <v>8323799.9000000004</v>
      </c>
      <c r="M134" s="12">
        <v>634528.5</v>
      </c>
    </row>
    <row r="135" spans="1:13" x14ac:dyDescent="0.25">
      <c r="A135" s="2" t="s">
        <v>265</v>
      </c>
      <c r="B135" s="4" t="s">
        <v>469</v>
      </c>
      <c r="C135" s="12">
        <v>686228100</v>
      </c>
      <c r="D135" s="12">
        <v>733446149</v>
      </c>
      <c r="E135" s="12">
        <v>-26084812.850000001</v>
      </c>
      <c r="F135" s="12">
        <v>671283165.85000002</v>
      </c>
      <c r="G135" s="12">
        <v>4.46</v>
      </c>
      <c r="H135" s="12">
        <v>62162983.149999999</v>
      </c>
      <c r="I135" s="12">
        <v>138173546.88</v>
      </c>
      <c r="J135" s="12">
        <v>670317674.64999998</v>
      </c>
      <c r="K135" s="12">
        <v>4.55</v>
      </c>
      <c r="L135" s="12">
        <v>63128474.350000001</v>
      </c>
      <c r="M135" s="12">
        <v>965491.19999999995</v>
      </c>
    </row>
    <row r="136" spans="1:13" x14ac:dyDescent="0.25">
      <c r="A136" s="2" t="s">
        <v>267</v>
      </c>
      <c r="B136" s="4" t="s">
        <v>470</v>
      </c>
      <c r="C136" s="12">
        <v>110000</v>
      </c>
      <c r="D136" s="12">
        <v>10000</v>
      </c>
      <c r="E136" s="12">
        <v>0</v>
      </c>
      <c r="F136" s="12">
        <v>0</v>
      </c>
      <c r="G136" s="12">
        <v>0</v>
      </c>
      <c r="H136" s="12">
        <v>10000</v>
      </c>
      <c r="I136" s="12">
        <v>0</v>
      </c>
      <c r="J136" s="12">
        <v>0</v>
      </c>
      <c r="K136" s="12">
        <v>0</v>
      </c>
      <c r="L136" s="12">
        <v>10000</v>
      </c>
      <c r="M136" s="12">
        <v>0</v>
      </c>
    </row>
    <row r="137" spans="1:13" x14ac:dyDescent="0.25">
      <c r="A137" s="2" t="s">
        <v>269</v>
      </c>
      <c r="B137" s="4" t="s">
        <v>471</v>
      </c>
      <c r="C137" s="12">
        <v>10000</v>
      </c>
      <c r="D137" s="12">
        <v>10000</v>
      </c>
      <c r="E137" s="12">
        <v>0</v>
      </c>
      <c r="F137" s="12">
        <v>0</v>
      </c>
      <c r="G137" s="12">
        <v>0</v>
      </c>
      <c r="H137" s="12">
        <v>10000</v>
      </c>
      <c r="I137" s="12">
        <v>0</v>
      </c>
      <c r="J137" s="12">
        <v>0</v>
      </c>
      <c r="K137" s="12">
        <v>0</v>
      </c>
      <c r="L137" s="12">
        <v>10000</v>
      </c>
      <c r="M137" s="12">
        <v>0</v>
      </c>
    </row>
    <row r="138" spans="1:13" x14ac:dyDescent="0.25">
      <c r="A138" s="3" t="s">
        <v>271</v>
      </c>
      <c r="B138" s="5" t="s">
        <v>472</v>
      </c>
      <c r="C138" s="11">
        <v>26881600</v>
      </c>
      <c r="D138" s="11">
        <v>34273328.289999999</v>
      </c>
      <c r="E138" s="11">
        <v>476036.75</v>
      </c>
      <c r="F138" s="11">
        <v>13569527.75</v>
      </c>
      <c r="G138" s="11">
        <v>0.09</v>
      </c>
      <c r="H138" s="11">
        <v>20703800.539999999</v>
      </c>
      <c r="I138" s="11">
        <v>1043583.09</v>
      </c>
      <c r="J138" s="11">
        <v>11627981.220000001</v>
      </c>
      <c r="K138" s="11">
        <v>7.0000000000000007E-2</v>
      </c>
      <c r="L138" s="11">
        <v>22645347.07</v>
      </c>
      <c r="M138" s="11">
        <v>1941546.53</v>
      </c>
    </row>
    <row r="139" spans="1:13" x14ac:dyDescent="0.25">
      <c r="A139" s="2" t="s">
        <v>273</v>
      </c>
      <c r="B139" s="4" t="s">
        <v>473</v>
      </c>
      <c r="C139" s="12">
        <v>5696600</v>
      </c>
      <c r="D139" s="12">
        <v>10992670.91</v>
      </c>
      <c r="E139" s="12">
        <v>201203.19</v>
      </c>
      <c r="F139" s="12">
        <v>5047017.25</v>
      </c>
      <c r="G139" s="12">
        <v>0.03</v>
      </c>
      <c r="H139" s="12">
        <v>5945653.6600000001</v>
      </c>
      <c r="I139" s="12">
        <v>311973.88</v>
      </c>
      <c r="J139" s="12">
        <v>3677280.83</v>
      </c>
      <c r="K139" s="12">
        <v>0.02</v>
      </c>
      <c r="L139" s="12">
        <v>7315390.0800000001</v>
      </c>
      <c r="M139" s="12">
        <v>1369736.42</v>
      </c>
    </row>
    <row r="140" spans="1:13" x14ac:dyDescent="0.25">
      <c r="A140" s="2" t="s">
        <v>275</v>
      </c>
      <c r="B140" s="4" t="s">
        <v>474</v>
      </c>
      <c r="C140" s="12">
        <v>21185000</v>
      </c>
      <c r="D140" s="12">
        <v>23280657.379999999</v>
      </c>
      <c r="E140" s="12">
        <v>274833.56</v>
      </c>
      <c r="F140" s="12">
        <v>8522510.5</v>
      </c>
      <c r="G140" s="12">
        <v>0.06</v>
      </c>
      <c r="H140" s="12">
        <v>14758146.880000001</v>
      </c>
      <c r="I140" s="12">
        <v>731609.21</v>
      </c>
      <c r="J140" s="12">
        <v>7950700.3899999997</v>
      </c>
      <c r="K140" s="12">
        <v>0.05</v>
      </c>
      <c r="L140" s="12">
        <v>15329956.99</v>
      </c>
      <c r="M140" s="12">
        <v>571810.11</v>
      </c>
    </row>
    <row r="141" spans="1:13" x14ac:dyDescent="0.25">
      <c r="A141" s="3" t="s">
        <v>277</v>
      </c>
      <c r="B141" s="5" t="s">
        <v>475</v>
      </c>
      <c r="C141" s="11">
        <v>802553400</v>
      </c>
      <c r="D141" s="11">
        <v>479600216.07999998</v>
      </c>
      <c r="E141" s="11">
        <v>71978801.439999998</v>
      </c>
      <c r="F141" s="11">
        <v>445694281.27999997</v>
      </c>
      <c r="G141" s="11">
        <v>2.97</v>
      </c>
      <c r="H141" s="11">
        <v>33905934.799999997</v>
      </c>
      <c r="I141" s="11">
        <v>98896018.900000006</v>
      </c>
      <c r="J141" s="11">
        <v>445694281.27999997</v>
      </c>
      <c r="K141" s="11">
        <v>3.02</v>
      </c>
      <c r="L141" s="11">
        <v>33905934.799999997</v>
      </c>
      <c r="M141" s="11">
        <v>0</v>
      </c>
    </row>
    <row r="142" spans="1:13" x14ac:dyDescent="0.25">
      <c r="A142" s="2" t="s">
        <v>279</v>
      </c>
      <c r="B142" s="4" t="s">
        <v>476</v>
      </c>
      <c r="C142" s="12">
        <v>408161200</v>
      </c>
      <c r="D142" s="12">
        <v>78212675</v>
      </c>
      <c r="E142" s="12">
        <v>6920621.1799999997</v>
      </c>
      <c r="F142" s="12">
        <v>75289388.090000004</v>
      </c>
      <c r="G142" s="12">
        <v>0.5</v>
      </c>
      <c r="H142" s="12">
        <v>2923286.91</v>
      </c>
      <c r="I142" s="12">
        <v>6963464.29</v>
      </c>
      <c r="J142" s="12">
        <v>75289388.090000004</v>
      </c>
      <c r="K142" s="12">
        <v>0.51</v>
      </c>
      <c r="L142" s="12">
        <v>2923286.91</v>
      </c>
      <c r="M142" s="12">
        <v>0</v>
      </c>
    </row>
    <row r="143" spans="1:13" x14ac:dyDescent="0.25">
      <c r="A143" s="2" t="s">
        <v>281</v>
      </c>
      <c r="B143" s="4" t="s">
        <v>408</v>
      </c>
      <c r="C143" s="12">
        <v>166930600</v>
      </c>
      <c r="D143" s="12">
        <v>157989804</v>
      </c>
      <c r="E143" s="12">
        <v>28024117.09</v>
      </c>
      <c r="F143" s="12">
        <v>155936994.59999999</v>
      </c>
      <c r="G143" s="12">
        <v>1.04</v>
      </c>
      <c r="H143" s="12">
        <v>2052809.4</v>
      </c>
      <c r="I143" s="12">
        <v>28024117.09</v>
      </c>
      <c r="J143" s="12">
        <v>155936994.59999999</v>
      </c>
      <c r="K143" s="12">
        <v>1.06</v>
      </c>
      <c r="L143" s="12">
        <v>2052809.4</v>
      </c>
      <c r="M143" s="12">
        <v>0</v>
      </c>
    </row>
    <row r="144" spans="1:13" x14ac:dyDescent="0.25">
      <c r="A144" s="2" t="s">
        <v>283</v>
      </c>
      <c r="B144" s="4" t="s">
        <v>477</v>
      </c>
      <c r="C144" s="12">
        <v>46245300</v>
      </c>
      <c r="D144" s="12">
        <v>54555300</v>
      </c>
      <c r="E144" s="12">
        <v>7427865.21</v>
      </c>
      <c r="F144" s="12">
        <v>52077578.609999999</v>
      </c>
      <c r="G144" s="12">
        <v>0.35</v>
      </c>
      <c r="H144" s="12">
        <v>2477721.39</v>
      </c>
      <c r="I144" s="12">
        <v>7427865.21</v>
      </c>
      <c r="J144" s="12">
        <v>52077578.609999999</v>
      </c>
      <c r="K144" s="12">
        <v>0.35</v>
      </c>
      <c r="L144" s="12">
        <v>2477721.39</v>
      </c>
      <c r="M144" s="12">
        <v>0</v>
      </c>
    </row>
    <row r="145" spans="1:13" x14ac:dyDescent="0.25">
      <c r="A145" s="2" t="s">
        <v>285</v>
      </c>
      <c r="B145" s="4" t="s">
        <v>478</v>
      </c>
      <c r="C145" s="12">
        <v>33000000</v>
      </c>
      <c r="D145" s="12">
        <v>33000000</v>
      </c>
      <c r="E145" s="12">
        <v>2750000</v>
      </c>
      <c r="F145" s="12">
        <v>33000000</v>
      </c>
      <c r="G145" s="12">
        <v>0.22</v>
      </c>
      <c r="H145" s="12">
        <v>0</v>
      </c>
      <c r="I145" s="12">
        <v>2750000</v>
      </c>
      <c r="J145" s="12">
        <v>33000000</v>
      </c>
      <c r="K145" s="12">
        <v>0.22</v>
      </c>
      <c r="L145" s="12">
        <v>0</v>
      </c>
      <c r="M145" s="12">
        <v>0</v>
      </c>
    </row>
    <row r="146" spans="1:13" x14ac:dyDescent="0.25">
      <c r="A146" s="2" t="s">
        <v>287</v>
      </c>
      <c r="B146" s="4" t="s">
        <v>390</v>
      </c>
      <c r="C146" s="12">
        <v>148216300</v>
      </c>
      <c r="D146" s="12">
        <v>155842437.08000001</v>
      </c>
      <c r="E146" s="12">
        <v>26856197.960000001</v>
      </c>
      <c r="F146" s="12">
        <v>129390319.98</v>
      </c>
      <c r="G146" s="12">
        <v>0.86</v>
      </c>
      <c r="H146" s="12">
        <v>26452117.100000001</v>
      </c>
      <c r="I146" s="12">
        <v>53730572.310000002</v>
      </c>
      <c r="J146" s="12">
        <v>129390319.98</v>
      </c>
      <c r="K146" s="12">
        <v>0.88</v>
      </c>
      <c r="L146" s="12">
        <v>26452117.100000001</v>
      </c>
      <c r="M146" s="12">
        <v>0</v>
      </c>
    </row>
    <row r="147" spans="1:13" x14ac:dyDescent="0.25">
      <c r="A147" s="3" t="s">
        <v>289</v>
      </c>
      <c r="B147" s="5" t="s">
        <v>479</v>
      </c>
      <c r="C147" s="11">
        <v>126439400</v>
      </c>
      <c r="D147" s="11">
        <v>0</v>
      </c>
      <c r="E147" s="11">
        <v>0</v>
      </c>
      <c r="F147" s="11">
        <v>0</v>
      </c>
      <c r="G147" s="11">
        <v>0</v>
      </c>
      <c r="H147" s="11">
        <v>0</v>
      </c>
      <c r="I147" s="11">
        <v>0</v>
      </c>
      <c r="J147" s="11">
        <v>0</v>
      </c>
      <c r="K147" s="11">
        <v>0</v>
      </c>
      <c r="L147" s="11">
        <v>0</v>
      </c>
      <c r="M147" s="11">
        <v>0</v>
      </c>
    </row>
    <row r="148" spans="1:13" x14ac:dyDescent="0.25">
      <c r="A148" s="2" t="s">
        <v>291</v>
      </c>
      <c r="B148" s="4" t="s">
        <v>480</v>
      </c>
      <c r="C148" s="12">
        <v>126439400</v>
      </c>
      <c r="D148" s="12">
        <v>0</v>
      </c>
      <c r="E148" s="12">
        <v>0</v>
      </c>
      <c r="F148" s="12">
        <v>0</v>
      </c>
      <c r="G148" s="12">
        <v>0</v>
      </c>
      <c r="H148" s="12">
        <v>0</v>
      </c>
      <c r="I148" s="12">
        <v>0</v>
      </c>
      <c r="J148" s="12">
        <v>0</v>
      </c>
      <c r="K148" s="12">
        <v>0</v>
      </c>
      <c r="L148" s="12">
        <v>0</v>
      </c>
      <c r="M148" s="12">
        <v>0</v>
      </c>
    </row>
    <row r="149" spans="1:13" x14ac:dyDescent="0.25">
      <c r="A149" s="3" t="s">
        <v>293</v>
      </c>
      <c r="B149" s="5" t="s">
        <v>481</v>
      </c>
      <c r="C149" s="11">
        <v>1386860500</v>
      </c>
      <c r="D149" s="11">
        <v>2420770734.8600001</v>
      </c>
      <c r="E149" s="11">
        <v>425801218.58999997</v>
      </c>
      <c r="F149" s="11">
        <v>2326652324.3600001</v>
      </c>
      <c r="G149" s="11">
        <v>15.45</v>
      </c>
      <c r="H149" s="11">
        <v>94118410.5</v>
      </c>
      <c r="I149" s="11">
        <v>464422440.08999997</v>
      </c>
      <c r="J149" s="11">
        <v>2326648104.3600001</v>
      </c>
      <c r="K149" s="11">
        <v>15.81</v>
      </c>
      <c r="L149" s="11">
        <v>94122630.5</v>
      </c>
      <c r="M149" s="11">
        <v>4220</v>
      </c>
    </row>
    <row r="150" spans="1:13" x14ac:dyDescent="0.25">
      <c r="A150" s="3" t="s">
        <v>295</v>
      </c>
      <c r="B150" s="5" t="s">
        <v>381</v>
      </c>
      <c r="C150" s="11">
        <v>94277200</v>
      </c>
      <c r="D150" s="11">
        <v>102666458.31999999</v>
      </c>
      <c r="E150" s="11">
        <v>23712495.600000001</v>
      </c>
      <c r="F150" s="11">
        <v>100064354.68000001</v>
      </c>
      <c r="G150" s="11">
        <v>0.66</v>
      </c>
      <c r="H150" s="11">
        <v>2602103.64</v>
      </c>
      <c r="I150" s="11">
        <v>23712495.600000001</v>
      </c>
      <c r="J150" s="11">
        <v>100064354.68000001</v>
      </c>
      <c r="K150" s="11">
        <v>0.68</v>
      </c>
      <c r="L150" s="11">
        <v>2602103.64</v>
      </c>
      <c r="M150" s="11">
        <v>0</v>
      </c>
    </row>
    <row r="151" spans="1:13" x14ac:dyDescent="0.25">
      <c r="A151" s="2" t="s">
        <v>297</v>
      </c>
      <c r="B151" s="4" t="s">
        <v>382</v>
      </c>
      <c r="C151" s="12">
        <v>47477200</v>
      </c>
      <c r="D151" s="12">
        <v>47551458.32</v>
      </c>
      <c r="E151" s="12">
        <v>10700364.529999999</v>
      </c>
      <c r="F151" s="12">
        <v>45094699.93</v>
      </c>
      <c r="G151" s="12">
        <v>0.3</v>
      </c>
      <c r="H151" s="12">
        <v>2456758.39</v>
      </c>
      <c r="I151" s="12">
        <v>10700364.529999999</v>
      </c>
      <c r="J151" s="12">
        <v>45094699.93</v>
      </c>
      <c r="K151" s="12">
        <v>0.31</v>
      </c>
      <c r="L151" s="12">
        <v>2456758.39</v>
      </c>
      <c r="M151" s="12">
        <v>0</v>
      </c>
    </row>
    <row r="152" spans="1:13" x14ac:dyDescent="0.25">
      <c r="A152" s="2" t="s">
        <v>299</v>
      </c>
      <c r="B152" s="4" t="s">
        <v>383</v>
      </c>
      <c r="C152" s="12">
        <v>46800000</v>
      </c>
      <c r="D152" s="12">
        <v>55115000</v>
      </c>
      <c r="E152" s="12">
        <v>13012131.07</v>
      </c>
      <c r="F152" s="12">
        <v>54969654.75</v>
      </c>
      <c r="G152" s="12">
        <v>0.36</v>
      </c>
      <c r="H152" s="12">
        <v>145345.25</v>
      </c>
      <c r="I152" s="12">
        <v>13012131.07</v>
      </c>
      <c r="J152" s="12">
        <v>54969654.75</v>
      </c>
      <c r="K152" s="12">
        <v>0.37</v>
      </c>
      <c r="L152" s="12">
        <v>145345.25</v>
      </c>
      <c r="M152" s="12">
        <v>0</v>
      </c>
    </row>
    <row r="153" spans="1:13" x14ac:dyDescent="0.25">
      <c r="A153" s="3" t="s">
        <v>301</v>
      </c>
      <c r="B153" s="5" t="s">
        <v>384</v>
      </c>
      <c r="C153" s="11">
        <v>144772000</v>
      </c>
      <c r="D153" s="11">
        <v>160150540.91</v>
      </c>
      <c r="E153" s="11">
        <v>-1353536.27</v>
      </c>
      <c r="F153" s="11">
        <v>152024511.28</v>
      </c>
      <c r="G153" s="11">
        <v>1.01</v>
      </c>
      <c r="H153" s="11">
        <v>8126029.6299999999</v>
      </c>
      <c r="I153" s="11">
        <v>31131659.219999999</v>
      </c>
      <c r="J153" s="11">
        <v>152024511.28</v>
      </c>
      <c r="K153" s="11">
        <v>1.03</v>
      </c>
      <c r="L153" s="11">
        <v>8126029.6299999999</v>
      </c>
      <c r="M153" s="11">
        <v>0</v>
      </c>
    </row>
    <row r="154" spans="1:13" x14ac:dyDescent="0.25">
      <c r="A154" s="2" t="s">
        <v>303</v>
      </c>
      <c r="B154" s="4" t="s">
        <v>386</v>
      </c>
      <c r="C154" s="12">
        <v>144772000</v>
      </c>
      <c r="D154" s="12">
        <v>160150540.91</v>
      </c>
      <c r="E154" s="12">
        <v>-1353536.27</v>
      </c>
      <c r="F154" s="12">
        <v>152024511.28</v>
      </c>
      <c r="G154" s="12">
        <v>1.01</v>
      </c>
      <c r="H154" s="12">
        <v>8126029.6299999999</v>
      </c>
      <c r="I154" s="12">
        <v>31131659.219999999</v>
      </c>
      <c r="J154" s="12">
        <v>152024511.28</v>
      </c>
      <c r="K154" s="12">
        <v>1.03</v>
      </c>
      <c r="L154" s="12">
        <v>8126029.6299999999</v>
      </c>
      <c r="M154" s="12">
        <v>0</v>
      </c>
    </row>
    <row r="155" spans="1:13" x14ac:dyDescent="0.25">
      <c r="A155" s="3" t="s">
        <v>305</v>
      </c>
      <c r="B155" s="5" t="s">
        <v>391</v>
      </c>
      <c r="C155" s="11">
        <v>81683000</v>
      </c>
      <c r="D155" s="11">
        <v>90828364.390000001</v>
      </c>
      <c r="E155" s="11">
        <v>20270059.079999998</v>
      </c>
      <c r="F155" s="11">
        <v>88689979.040000007</v>
      </c>
      <c r="G155" s="11">
        <v>0.59</v>
      </c>
      <c r="H155" s="11">
        <v>2138385.35</v>
      </c>
      <c r="I155" s="11">
        <v>20270059.079999998</v>
      </c>
      <c r="J155" s="11">
        <v>88689979.040000007</v>
      </c>
      <c r="K155" s="11">
        <v>0.61</v>
      </c>
      <c r="L155" s="11">
        <v>2138385.35</v>
      </c>
      <c r="M155" s="11">
        <v>0</v>
      </c>
    </row>
    <row r="156" spans="1:13" x14ac:dyDescent="0.25">
      <c r="A156" s="2" t="s">
        <v>307</v>
      </c>
      <c r="B156" s="4" t="s">
        <v>392</v>
      </c>
      <c r="C156" s="12">
        <v>50761200</v>
      </c>
      <c r="D156" s="12">
        <v>46606885.920000002</v>
      </c>
      <c r="E156" s="12">
        <v>10897769.890000001</v>
      </c>
      <c r="F156" s="12">
        <v>46606876.960000001</v>
      </c>
      <c r="G156" s="12">
        <v>0.31</v>
      </c>
      <c r="H156" s="12">
        <v>8.9600000000000009</v>
      </c>
      <c r="I156" s="12">
        <v>10897769.890000001</v>
      </c>
      <c r="J156" s="12">
        <v>46606876.960000001</v>
      </c>
      <c r="K156" s="12">
        <v>0.32</v>
      </c>
      <c r="L156" s="12">
        <v>8.9600000000000009</v>
      </c>
      <c r="M156" s="12">
        <v>0</v>
      </c>
    </row>
    <row r="157" spans="1:13" x14ac:dyDescent="0.25">
      <c r="A157" s="2" t="s">
        <v>309</v>
      </c>
      <c r="B157" s="4" t="s">
        <v>393</v>
      </c>
      <c r="C157" s="12">
        <v>1496800</v>
      </c>
      <c r="D157" s="12">
        <v>14679100</v>
      </c>
      <c r="E157" s="12">
        <v>2007380.39</v>
      </c>
      <c r="F157" s="12">
        <v>12546075.800000001</v>
      </c>
      <c r="G157" s="12">
        <v>0.08</v>
      </c>
      <c r="H157" s="12">
        <v>2133024.2000000002</v>
      </c>
      <c r="I157" s="12">
        <v>2007380.39</v>
      </c>
      <c r="J157" s="12">
        <v>12546075.800000001</v>
      </c>
      <c r="K157" s="12">
        <v>0.09</v>
      </c>
      <c r="L157" s="12">
        <v>2133024.2000000002</v>
      </c>
      <c r="M157" s="12">
        <v>0</v>
      </c>
    </row>
    <row r="158" spans="1:13" x14ac:dyDescent="0.25">
      <c r="A158" s="2" t="s">
        <v>311</v>
      </c>
      <c r="B158" s="4" t="s">
        <v>388</v>
      </c>
      <c r="C158" s="12">
        <v>175000</v>
      </c>
      <c r="D158" s="12">
        <v>1000</v>
      </c>
      <c r="E158" s="12">
        <v>0</v>
      </c>
      <c r="F158" s="12">
        <v>0</v>
      </c>
      <c r="G158" s="12">
        <v>0</v>
      </c>
      <c r="H158" s="12">
        <v>1000</v>
      </c>
      <c r="I158" s="12">
        <v>0</v>
      </c>
      <c r="J158" s="12">
        <v>0</v>
      </c>
      <c r="K158" s="12">
        <v>0</v>
      </c>
      <c r="L158" s="12">
        <v>1000</v>
      </c>
      <c r="M158" s="12">
        <v>0</v>
      </c>
    </row>
    <row r="159" spans="1:13" x14ac:dyDescent="0.25">
      <c r="A159" s="2" t="s">
        <v>313</v>
      </c>
      <c r="B159" s="4" t="s">
        <v>394</v>
      </c>
      <c r="C159" s="12">
        <v>29250000</v>
      </c>
      <c r="D159" s="12">
        <v>29541378.469999999</v>
      </c>
      <c r="E159" s="12">
        <v>7364908.7999999998</v>
      </c>
      <c r="F159" s="12">
        <v>29537026.280000001</v>
      </c>
      <c r="G159" s="12">
        <v>0.2</v>
      </c>
      <c r="H159" s="12">
        <v>4352.1899999999996</v>
      </c>
      <c r="I159" s="12">
        <v>7364908.7999999998</v>
      </c>
      <c r="J159" s="12">
        <v>29537026.280000001</v>
      </c>
      <c r="K159" s="12">
        <v>0.2</v>
      </c>
      <c r="L159" s="12">
        <v>4352.1899999999996</v>
      </c>
      <c r="M159" s="12">
        <v>0</v>
      </c>
    </row>
    <row r="160" spans="1:13" x14ac:dyDescent="0.25">
      <c r="A160" s="3" t="s">
        <v>315</v>
      </c>
      <c r="B160" s="5" t="s">
        <v>395</v>
      </c>
      <c r="C160" s="11">
        <v>209339600</v>
      </c>
      <c r="D160" s="11">
        <v>404444724.42000002</v>
      </c>
      <c r="E160" s="11">
        <v>86076415.700000003</v>
      </c>
      <c r="F160" s="11">
        <v>392827046.17000002</v>
      </c>
      <c r="G160" s="11">
        <v>2.61</v>
      </c>
      <c r="H160" s="11">
        <v>11617678.25</v>
      </c>
      <c r="I160" s="11">
        <v>86499855.150000006</v>
      </c>
      <c r="J160" s="11">
        <v>392827046.17000002</v>
      </c>
      <c r="K160" s="11">
        <v>2.67</v>
      </c>
      <c r="L160" s="11">
        <v>11617678.25</v>
      </c>
      <c r="M160" s="11">
        <v>0</v>
      </c>
    </row>
    <row r="161" spans="1:13" x14ac:dyDescent="0.25">
      <c r="A161" s="2" t="s">
        <v>317</v>
      </c>
      <c r="B161" s="4" t="s">
        <v>386</v>
      </c>
      <c r="C161" s="12">
        <v>25469200</v>
      </c>
      <c r="D161" s="12">
        <v>57397134.060000002</v>
      </c>
      <c r="E161" s="12">
        <v>31973059.640000001</v>
      </c>
      <c r="F161" s="12">
        <v>48048309.479999997</v>
      </c>
      <c r="G161" s="12">
        <v>0.32</v>
      </c>
      <c r="H161" s="12">
        <v>9348824.5800000001</v>
      </c>
      <c r="I161" s="12">
        <v>32396499.09</v>
      </c>
      <c r="J161" s="12">
        <v>48048309.479999997</v>
      </c>
      <c r="K161" s="12">
        <v>0.33</v>
      </c>
      <c r="L161" s="12">
        <v>9348824.5800000001</v>
      </c>
      <c r="M161" s="12">
        <v>0</v>
      </c>
    </row>
    <row r="162" spans="1:13" x14ac:dyDescent="0.25">
      <c r="A162" s="2" t="s">
        <v>319</v>
      </c>
      <c r="B162" s="4" t="s">
        <v>396</v>
      </c>
      <c r="C162" s="12">
        <v>181029300</v>
      </c>
      <c r="D162" s="12">
        <v>344135108</v>
      </c>
      <c r="E162" s="12">
        <v>53459235.829999998</v>
      </c>
      <c r="F162" s="12">
        <v>341958333.63999999</v>
      </c>
      <c r="G162" s="12">
        <v>2.27</v>
      </c>
      <c r="H162" s="12">
        <v>2176774.36</v>
      </c>
      <c r="I162" s="12">
        <v>53459235.829999998</v>
      </c>
      <c r="J162" s="12">
        <v>341958333.63999999</v>
      </c>
      <c r="K162" s="12">
        <v>2.3199999999999998</v>
      </c>
      <c r="L162" s="12">
        <v>2176774.36</v>
      </c>
      <c r="M162" s="12">
        <v>0</v>
      </c>
    </row>
    <row r="163" spans="1:13" x14ac:dyDescent="0.25">
      <c r="A163" s="2" t="s">
        <v>321</v>
      </c>
      <c r="B163" s="4" t="s">
        <v>397</v>
      </c>
      <c r="C163" s="12">
        <v>2841100</v>
      </c>
      <c r="D163" s="12">
        <v>2912482.36</v>
      </c>
      <c r="E163" s="12">
        <v>644120.23</v>
      </c>
      <c r="F163" s="12">
        <v>2820403.05</v>
      </c>
      <c r="G163" s="12">
        <v>0.02</v>
      </c>
      <c r="H163" s="12">
        <v>92079.31</v>
      </c>
      <c r="I163" s="12">
        <v>644120.23</v>
      </c>
      <c r="J163" s="12">
        <v>2820403.05</v>
      </c>
      <c r="K163" s="12">
        <v>0.02</v>
      </c>
      <c r="L163" s="12">
        <v>92079.31</v>
      </c>
      <c r="M163" s="12">
        <v>0</v>
      </c>
    </row>
    <row r="164" spans="1:13" x14ac:dyDescent="0.25">
      <c r="A164" s="3" t="s">
        <v>323</v>
      </c>
      <c r="B164" s="5" t="s">
        <v>399</v>
      </c>
      <c r="C164" s="11">
        <v>160623800</v>
      </c>
      <c r="D164" s="11">
        <v>620858246.20000005</v>
      </c>
      <c r="E164" s="11">
        <v>85233578.939999998</v>
      </c>
      <c r="F164" s="11">
        <v>568113529.19000006</v>
      </c>
      <c r="G164" s="11">
        <v>3.77</v>
      </c>
      <c r="H164" s="11">
        <v>52744717.009999998</v>
      </c>
      <c r="I164" s="11">
        <v>90600718.189999998</v>
      </c>
      <c r="J164" s="11">
        <v>568113529.19000006</v>
      </c>
      <c r="K164" s="11">
        <v>3.86</v>
      </c>
      <c r="L164" s="11">
        <v>52744717.009999998</v>
      </c>
      <c r="M164" s="11">
        <v>0</v>
      </c>
    </row>
    <row r="165" spans="1:13" x14ac:dyDescent="0.25">
      <c r="A165" s="2" t="s">
        <v>325</v>
      </c>
      <c r="B165" s="4" t="s">
        <v>400</v>
      </c>
      <c r="C165" s="12">
        <v>160623800</v>
      </c>
      <c r="D165" s="12">
        <v>620858246.20000005</v>
      </c>
      <c r="E165" s="12">
        <v>85233578.939999998</v>
      </c>
      <c r="F165" s="12">
        <v>568113529.19000006</v>
      </c>
      <c r="G165" s="12">
        <v>3.77</v>
      </c>
      <c r="H165" s="12">
        <v>52744717.009999998</v>
      </c>
      <c r="I165" s="12">
        <v>90600718.189999998</v>
      </c>
      <c r="J165" s="12">
        <v>568113529.19000006</v>
      </c>
      <c r="K165" s="12">
        <v>3.86</v>
      </c>
      <c r="L165" s="12">
        <v>52744717.009999998</v>
      </c>
      <c r="M165" s="12">
        <v>0</v>
      </c>
    </row>
    <row r="166" spans="1:13" x14ac:dyDescent="0.25">
      <c r="A166" s="3" t="s">
        <v>327</v>
      </c>
      <c r="B166" s="5" t="s">
        <v>403</v>
      </c>
      <c r="C166" s="11">
        <v>6780800</v>
      </c>
      <c r="D166" s="11">
        <v>9490907.4100000001</v>
      </c>
      <c r="E166" s="11">
        <v>1027580.74</v>
      </c>
      <c r="F166" s="11">
        <v>7984587.5499999998</v>
      </c>
      <c r="G166" s="11">
        <v>0.05</v>
      </c>
      <c r="H166" s="11">
        <v>1506319.86</v>
      </c>
      <c r="I166" s="11">
        <v>1117732.46</v>
      </c>
      <c r="J166" s="11">
        <v>7984587.5499999998</v>
      </c>
      <c r="K166" s="11">
        <v>0.05</v>
      </c>
      <c r="L166" s="11">
        <v>1506319.86</v>
      </c>
      <c r="M166" s="11">
        <v>0</v>
      </c>
    </row>
    <row r="167" spans="1:13" x14ac:dyDescent="0.25">
      <c r="A167" s="2" t="s">
        <v>329</v>
      </c>
      <c r="B167" s="4" t="s">
        <v>406</v>
      </c>
      <c r="C167" s="12">
        <v>6780800</v>
      </c>
      <c r="D167" s="12">
        <v>9490907.4100000001</v>
      </c>
      <c r="E167" s="12">
        <v>1027580.74</v>
      </c>
      <c r="F167" s="12">
        <v>7984587.5499999998</v>
      </c>
      <c r="G167" s="12">
        <v>0.05</v>
      </c>
      <c r="H167" s="12">
        <v>1506319.86</v>
      </c>
      <c r="I167" s="12">
        <v>1117732.46</v>
      </c>
      <c r="J167" s="12">
        <v>7984587.5499999998</v>
      </c>
      <c r="K167" s="12">
        <v>0.05</v>
      </c>
      <c r="L167" s="12">
        <v>1506319.86</v>
      </c>
      <c r="M167" s="12">
        <v>0</v>
      </c>
    </row>
    <row r="168" spans="1:13" x14ac:dyDescent="0.25">
      <c r="A168" s="3" t="s">
        <v>330</v>
      </c>
      <c r="B168" s="5" t="s">
        <v>409</v>
      </c>
      <c r="C168" s="11">
        <v>36000</v>
      </c>
      <c r="D168" s="11">
        <v>122700</v>
      </c>
      <c r="E168" s="11">
        <v>-4635.18</v>
      </c>
      <c r="F168" s="11">
        <v>106015.82</v>
      </c>
      <c r="G168" s="11">
        <v>0</v>
      </c>
      <c r="H168" s="11">
        <v>16684.18</v>
      </c>
      <c r="I168" s="11">
        <v>24512.97</v>
      </c>
      <c r="J168" s="11">
        <v>106015.82</v>
      </c>
      <c r="K168" s="11">
        <v>0</v>
      </c>
      <c r="L168" s="11">
        <v>16684.18</v>
      </c>
      <c r="M168" s="11">
        <v>0</v>
      </c>
    </row>
    <row r="169" spans="1:13" x14ac:dyDescent="0.25">
      <c r="A169" s="2" t="s">
        <v>331</v>
      </c>
      <c r="B169" s="4" t="s">
        <v>410</v>
      </c>
      <c r="C169" s="12">
        <v>36000</v>
      </c>
      <c r="D169" s="12">
        <v>122700</v>
      </c>
      <c r="E169" s="12">
        <v>-4635.18</v>
      </c>
      <c r="F169" s="12">
        <v>106015.82</v>
      </c>
      <c r="G169" s="12">
        <v>0</v>
      </c>
      <c r="H169" s="12">
        <v>16684.18</v>
      </c>
      <c r="I169" s="12">
        <v>24512.97</v>
      </c>
      <c r="J169" s="12">
        <v>106015.82</v>
      </c>
      <c r="K169" s="12">
        <v>0</v>
      </c>
      <c r="L169" s="12">
        <v>16684.18</v>
      </c>
      <c r="M169" s="12">
        <v>0</v>
      </c>
    </row>
    <row r="170" spans="1:13" x14ac:dyDescent="0.25">
      <c r="A170" s="3" t="s">
        <v>332</v>
      </c>
      <c r="B170" s="5" t="s">
        <v>411</v>
      </c>
      <c r="C170" s="11">
        <v>80748000</v>
      </c>
      <c r="D170" s="11">
        <v>85221193.290000007</v>
      </c>
      <c r="E170" s="11">
        <v>19108220.629999999</v>
      </c>
      <c r="F170" s="11">
        <v>85173944.099999994</v>
      </c>
      <c r="G170" s="11">
        <v>0.56999999999999995</v>
      </c>
      <c r="H170" s="11">
        <v>47249.19</v>
      </c>
      <c r="I170" s="11">
        <v>19119153.699999999</v>
      </c>
      <c r="J170" s="11">
        <v>85173944.099999994</v>
      </c>
      <c r="K170" s="11">
        <v>0.57999999999999996</v>
      </c>
      <c r="L170" s="11">
        <v>47249.19</v>
      </c>
      <c r="M170" s="11">
        <v>0</v>
      </c>
    </row>
    <row r="171" spans="1:13" x14ac:dyDescent="0.25">
      <c r="A171" s="2" t="s">
        <v>333</v>
      </c>
      <c r="B171" s="4" t="s">
        <v>386</v>
      </c>
      <c r="C171" s="12">
        <v>80748000</v>
      </c>
      <c r="D171" s="12">
        <v>85170764.290000007</v>
      </c>
      <c r="E171" s="12">
        <v>19108220.629999999</v>
      </c>
      <c r="F171" s="12">
        <v>85164027.099999994</v>
      </c>
      <c r="G171" s="12">
        <v>0.56999999999999995</v>
      </c>
      <c r="H171" s="12">
        <v>6737.19</v>
      </c>
      <c r="I171" s="12">
        <v>19119153.699999999</v>
      </c>
      <c r="J171" s="12">
        <v>85164027.099999994</v>
      </c>
      <c r="K171" s="12">
        <v>0.57999999999999996</v>
      </c>
      <c r="L171" s="12">
        <v>6737.19</v>
      </c>
      <c r="M171" s="12">
        <v>0</v>
      </c>
    </row>
    <row r="172" spans="1:13" x14ac:dyDescent="0.25">
      <c r="A172" s="2" t="s">
        <v>334</v>
      </c>
      <c r="B172" s="4" t="s">
        <v>412</v>
      </c>
      <c r="C172" s="12">
        <v>0</v>
      </c>
      <c r="D172" s="12">
        <v>0</v>
      </c>
      <c r="E172" s="12">
        <v>0</v>
      </c>
      <c r="F172" s="12">
        <v>0</v>
      </c>
      <c r="G172" s="12">
        <v>0</v>
      </c>
      <c r="H172" s="12">
        <v>0</v>
      </c>
      <c r="I172" s="12">
        <v>0</v>
      </c>
      <c r="J172" s="12">
        <v>0</v>
      </c>
      <c r="K172" s="12">
        <v>0</v>
      </c>
      <c r="L172" s="12">
        <v>0</v>
      </c>
      <c r="M172" s="12">
        <v>0</v>
      </c>
    </row>
    <row r="173" spans="1:13" x14ac:dyDescent="0.25">
      <c r="A173" s="2" t="s">
        <v>335</v>
      </c>
      <c r="B173" s="4" t="s">
        <v>413</v>
      </c>
      <c r="C173" s="12">
        <v>0</v>
      </c>
      <c r="D173" s="12">
        <v>0</v>
      </c>
      <c r="E173" s="12">
        <v>0</v>
      </c>
      <c r="F173" s="12">
        <v>0</v>
      </c>
      <c r="G173" s="12">
        <v>0</v>
      </c>
      <c r="H173" s="12">
        <v>0</v>
      </c>
      <c r="I173" s="12">
        <v>0</v>
      </c>
      <c r="J173" s="12">
        <v>0</v>
      </c>
      <c r="K173" s="12">
        <v>0</v>
      </c>
      <c r="L173" s="12">
        <v>0</v>
      </c>
      <c r="M173" s="12">
        <v>0</v>
      </c>
    </row>
    <row r="174" spans="1:13" x14ac:dyDescent="0.25">
      <c r="A174" s="2" t="s">
        <v>336</v>
      </c>
      <c r="B174" s="4" t="s">
        <v>416</v>
      </c>
      <c r="C174" s="12">
        <v>0</v>
      </c>
      <c r="D174" s="12">
        <v>40512</v>
      </c>
      <c r="E174" s="12">
        <v>0</v>
      </c>
      <c r="F174" s="12">
        <v>0</v>
      </c>
      <c r="G174" s="12">
        <v>0</v>
      </c>
      <c r="H174" s="12">
        <v>40512</v>
      </c>
      <c r="I174" s="12">
        <v>0</v>
      </c>
      <c r="J174" s="12">
        <v>0</v>
      </c>
      <c r="K174" s="12">
        <v>0</v>
      </c>
      <c r="L174" s="12">
        <v>40512</v>
      </c>
      <c r="M174" s="12">
        <v>0</v>
      </c>
    </row>
    <row r="175" spans="1:13" x14ac:dyDescent="0.25">
      <c r="A175" s="2" t="s">
        <v>337</v>
      </c>
      <c r="B175" s="4" t="s">
        <v>394</v>
      </c>
      <c r="C175" s="12">
        <v>0</v>
      </c>
      <c r="D175" s="12">
        <v>9917</v>
      </c>
      <c r="E175" s="12">
        <v>0</v>
      </c>
      <c r="F175" s="12">
        <v>9917</v>
      </c>
      <c r="G175" s="12">
        <v>0</v>
      </c>
      <c r="H175" s="12">
        <v>0</v>
      </c>
      <c r="I175" s="12">
        <v>0</v>
      </c>
      <c r="J175" s="12">
        <v>9917</v>
      </c>
      <c r="K175" s="12">
        <v>0</v>
      </c>
      <c r="L175" s="12">
        <v>0</v>
      </c>
      <c r="M175" s="12">
        <v>0</v>
      </c>
    </row>
    <row r="176" spans="1:13" x14ac:dyDescent="0.25">
      <c r="A176" s="3" t="s">
        <v>339</v>
      </c>
      <c r="B176" s="5" t="s">
        <v>420</v>
      </c>
      <c r="C176" s="11">
        <v>1297700</v>
      </c>
      <c r="D176" s="11">
        <v>2465990.6800000002</v>
      </c>
      <c r="E176" s="11">
        <v>362380.35</v>
      </c>
      <c r="F176" s="11">
        <v>2412524.16</v>
      </c>
      <c r="G176" s="11">
        <v>0.02</v>
      </c>
      <c r="H176" s="11">
        <v>53466.52</v>
      </c>
      <c r="I176" s="11">
        <v>362380.35</v>
      </c>
      <c r="J176" s="11">
        <v>2412524.16</v>
      </c>
      <c r="K176" s="11">
        <v>0.02</v>
      </c>
      <c r="L176" s="11">
        <v>53466.52</v>
      </c>
      <c r="M176" s="11">
        <v>0</v>
      </c>
    </row>
    <row r="177" spans="1:13" x14ac:dyDescent="0.25">
      <c r="A177" s="2" t="s">
        <v>341</v>
      </c>
      <c r="B177" s="4" t="s">
        <v>386</v>
      </c>
      <c r="C177" s="12">
        <v>1297700</v>
      </c>
      <c r="D177" s="12">
        <v>2465990.6800000002</v>
      </c>
      <c r="E177" s="12">
        <v>362380.35</v>
      </c>
      <c r="F177" s="12">
        <v>2412524.16</v>
      </c>
      <c r="G177" s="12">
        <v>0.02</v>
      </c>
      <c r="H177" s="12">
        <v>53466.52</v>
      </c>
      <c r="I177" s="12">
        <v>362380.35</v>
      </c>
      <c r="J177" s="12">
        <v>2412524.16</v>
      </c>
      <c r="K177" s="12">
        <v>0.02</v>
      </c>
      <c r="L177" s="12">
        <v>53466.52</v>
      </c>
      <c r="M177" s="12">
        <v>0</v>
      </c>
    </row>
    <row r="178" spans="1:13" x14ac:dyDescent="0.25">
      <c r="A178" s="3" t="s">
        <v>343</v>
      </c>
      <c r="B178" s="5" t="s">
        <v>422</v>
      </c>
      <c r="C178" s="11">
        <v>211065700</v>
      </c>
      <c r="D178" s="11">
        <v>773573575.35000002</v>
      </c>
      <c r="E178" s="11">
        <v>165708894.86000001</v>
      </c>
      <c r="F178" s="11">
        <v>772593602.94000006</v>
      </c>
      <c r="G178" s="11">
        <v>5.13</v>
      </c>
      <c r="H178" s="11">
        <v>979972.41</v>
      </c>
      <c r="I178" s="11">
        <v>165923738.50999999</v>
      </c>
      <c r="J178" s="11">
        <v>772589382.94000006</v>
      </c>
      <c r="K178" s="11">
        <v>5.25</v>
      </c>
      <c r="L178" s="11">
        <v>984192.41</v>
      </c>
      <c r="M178" s="11">
        <v>4220</v>
      </c>
    </row>
    <row r="179" spans="1:13" x14ac:dyDescent="0.25">
      <c r="A179" s="2" t="s">
        <v>345</v>
      </c>
      <c r="B179" s="4" t="s">
        <v>386</v>
      </c>
      <c r="C179" s="12">
        <v>211065700</v>
      </c>
      <c r="D179" s="12">
        <v>773573575.35000002</v>
      </c>
      <c r="E179" s="12">
        <v>165708894.86000001</v>
      </c>
      <c r="F179" s="12">
        <v>772593602.94000006</v>
      </c>
      <c r="G179" s="12">
        <v>5.13</v>
      </c>
      <c r="H179" s="12">
        <v>979972.41</v>
      </c>
      <c r="I179" s="12">
        <v>165923738.50999999</v>
      </c>
      <c r="J179" s="12">
        <v>772589382.94000006</v>
      </c>
      <c r="K179" s="12">
        <v>5.25</v>
      </c>
      <c r="L179" s="12">
        <v>984192.41</v>
      </c>
      <c r="M179" s="12">
        <v>4220</v>
      </c>
    </row>
    <row r="180" spans="1:13" x14ac:dyDescent="0.25">
      <c r="A180" s="3" t="s">
        <v>348</v>
      </c>
      <c r="B180" s="5" t="s">
        <v>431</v>
      </c>
      <c r="C180" s="11">
        <v>1320600</v>
      </c>
      <c r="D180" s="11">
        <v>1637168.78</v>
      </c>
      <c r="E180" s="11">
        <v>240191.63</v>
      </c>
      <c r="F180" s="11">
        <v>1514864.41</v>
      </c>
      <c r="G180" s="11">
        <v>0.01</v>
      </c>
      <c r="H180" s="11">
        <v>122304.37</v>
      </c>
      <c r="I180" s="11">
        <v>240191.63</v>
      </c>
      <c r="J180" s="11">
        <v>1514864.41</v>
      </c>
      <c r="K180" s="11">
        <v>0.01</v>
      </c>
      <c r="L180" s="11">
        <v>122304.37</v>
      </c>
      <c r="M180" s="11">
        <v>0</v>
      </c>
    </row>
    <row r="181" spans="1:13" x14ac:dyDescent="0.25">
      <c r="A181" s="2" t="s">
        <v>350</v>
      </c>
      <c r="B181" s="4" t="s">
        <v>432</v>
      </c>
      <c r="C181" s="12">
        <v>1320600</v>
      </c>
      <c r="D181" s="12">
        <v>1637168.78</v>
      </c>
      <c r="E181" s="12">
        <v>240191.63</v>
      </c>
      <c r="F181" s="12">
        <v>1514864.41</v>
      </c>
      <c r="G181" s="12">
        <v>0.01</v>
      </c>
      <c r="H181" s="12">
        <v>122304.37</v>
      </c>
      <c r="I181" s="12">
        <v>240191.63</v>
      </c>
      <c r="J181" s="12">
        <v>1514864.41</v>
      </c>
      <c r="K181" s="12">
        <v>0.01</v>
      </c>
      <c r="L181" s="12">
        <v>122304.37</v>
      </c>
      <c r="M181" s="12">
        <v>0</v>
      </c>
    </row>
    <row r="182" spans="1:13" x14ac:dyDescent="0.25">
      <c r="A182" s="3" t="s">
        <v>352</v>
      </c>
      <c r="B182" s="5" t="s">
        <v>433</v>
      </c>
      <c r="C182" s="11">
        <v>38849800</v>
      </c>
      <c r="D182" s="11">
        <v>37175894.200000003</v>
      </c>
      <c r="E182" s="11">
        <v>6029002.04</v>
      </c>
      <c r="F182" s="11">
        <v>35896951.270000003</v>
      </c>
      <c r="G182" s="11">
        <v>0.23</v>
      </c>
      <c r="H182" s="11">
        <v>1278942.93</v>
      </c>
      <c r="I182" s="11">
        <v>6029002.0499999998</v>
      </c>
      <c r="J182" s="11">
        <v>35896951.270000003</v>
      </c>
      <c r="K182" s="11">
        <v>0.24</v>
      </c>
      <c r="L182" s="11">
        <v>1278942.93</v>
      </c>
      <c r="M182" s="11">
        <v>0</v>
      </c>
    </row>
    <row r="183" spans="1:13" x14ac:dyDescent="0.25">
      <c r="A183" s="2" t="s">
        <v>354</v>
      </c>
      <c r="B183" s="4" t="s">
        <v>434</v>
      </c>
      <c r="C183" s="12">
        <v>751600</v>
      </c>
      <c r="D183" s="12">
        <v>681623.2</v>
      </c>
      <c r="E183" s="12">
        <v>103003.65</v>
      </c>
      <c r="F183" s="12">
        <v>620113.72</v>
      </c>
      <c r="G183" s="12">
        <v>0</v>
      </c>
      <c r="H183" s="12">
        <v>61509.48</v>
      </c>
      <c r="I183" s="12">
        <v>103003.65</v>
      </c>
      <c r="J183" s="12">
        <v>620113.72</v>
      </c>
      <c r="K183" s="12">
        <v>0</v>
      </c>
      <c r="L183" s="12">
        <v>61509.48</v>
      </c>
      <c r="M183" s="12">
        <v>0</v>
      </c>
    </row>
    <row r="184" spans="1:13" x14ac:dyDescent="0.25">
      <c r="A184" s="2" t="s">
        <v>356</v>
      </c>
      <c r="B184" s="4" t="s">
        <v>435</v>
      </c>
      <c r="C184" s="12">
        <v>38098200</v>
      </c>
      <c r="D184" s="12">
        <v>36494271</v>
      </c>
      <c r="E184" s="12">
        <v>5925998.3899999997</v>
      </c>
      <c r="F184" s="12">
        <v>35276837.549999997</v>
      </c>
      <c r="G184" s="12">
        <v>0.23</v>
      </c>
      <c r="H184" s="12">
        <v>1217433.45</v>
      </c>
      <c r="I184" s="12">
        <v>5925998.4000000004</v>
      </c>
      <c r="J184" s="12">
        <v>35276837.549999997</v>
      </c>
      <c r="K184" s="12">
        <v>0.24</v>
      </c>
      <c r="L184" s="12">
        <v>1217433.45</v>
      </c>
      <c r="M184" s="12">
        <v>0</v>
      </c>
    </row>
    <row r="185" spans="1:13" x14ac:dyDescent="0.25">
      <c r="A185" s="3" t="s">
        <v>358</v>
      </c>
      <c r="B185" s="5" t="s">
        <v>439</v>
      </c>
      <c r="C185" s="11">
        <v>961300</v>
      </c>
      <c r="D185" s="11">
        <v>1145300</v>
      </c>
      <c r="E185" s="11">
        <v>185487.64</v>
      </c>
      <c r="F185" s="11">
        <v>1117637.8600000001</v>
      </c>
      <c r="G185" s="11">
        <v>0.01</v>
      </c>
      <c r="H185" s="11">
        <v>27662.14</v>
      </c>
      <c r="I185" s="11">
        <v>185487.64</v>
      </c>
      <c r="J185" s="11">
        <v>1117637.8600000001</v>
      </c>
      <c r="K185" s="11">
        <v>0.01</v>
      </c>
      <c r="L185" s="11">
        <v>27662.14</v>
      </c>
      <c r="M185" s="11">
        <v>0</v>
      </c>
    </row>
    <row r="186" spans="1:13" x14ac:dyDescent="0.25">
      <c r="A186" s="2" t="s">
        <v>360</v>
      </c>
      <c r="B186" s="4" t="s">
        <v>386</v>
      </c>
      <c r="C186" s="12">
        <v>961300</v>
      </c>
      <c r="D186" s="12">
        <v>1145300</v>
      </c>
      <c r="E186" s="12">
        <v>185487.64</v>
      </c>
      <c r="F186" s="12">
        <v>1117637.8600000001</v>
      </c>
      <c r="G186" s="12">
        <v>0.01</v>
      </c>
      <c r="H186" s="12">
        <v>27662.14</v>
      </c>
      <c r="I186" s="12">
        <v>185487.64</v>
      </c>
      <c r="J186" s="12">
        <v>1117637.8600000001</v>
      </c>
      <c r="K186" s="12">
        <v>0.01</v>
      </c>
      <c r="L186" s="12">
        <v>27662.14</v>
      </c>
      <c r="M186" s="12">
        <v>0</v>
      </c>
    </row>
    <row r="187" spans="1:13" x14ac:dyDescent="0.25">
      <c r="A187" s="3" t="s">
        <v>362</v>
      </c>
      <c r="B187" s="5" t="s">
        <v>443</v>
      </c>
      <c r="C187" s="11">
        <v>4598200</v>
      </c>
      <c r="D187" s="11">
        <v>8306323.7000000002</v>
      </c>
      <c r="E187" s="11">
        <v>921560.34</v>
      </c>
      <c r="F187" s="11">
        <v>5592823.1299999999</v>
      </c>
      <c r="G187" s="11">
        <v>0.04</v>
      </c>
      <c r="H187" s="11">
        <v>2713500.57</v>
      </c>
      <c r="I187" s="11">
        <v>921560.34</v>
      </c>
      <c r="J187" s="11">
        <v>5592823.1299999999</v>
      </c>
      <c r="K187" s="11">
        <v>0.04</v>
      </c>
      <c r="L187" s="11">
        <v>2713500.57</v>
      </c>
      <c r="M187" s="11">
        <v>0</v>
      </c>
    </row>
    <row r="188" spans="1:13" x14ac:dyDescent="0.25">
      <c r="A188" s="2" t="s">
        <v>364</v>
      </c>
      <c r="B188" s="4" t="s">
        <v>386</v>
      </c>
      <c r="C188" s="12">
        <v>4598200</v>
      </c>
      <c r="D188" s="12">
        <v>8306323.7000000002</v>
      </c>
      <c r="E188" s="12">
        <v>921560.34</v>
      </c>
      <c r="F188" s="12">
        <v>5592823.1299999999</v>
      </c>
      <c r="G188" s="12">
        <v>0.04</v>
      </c>
      <c r="H188" s="12">
        <v>2713500.57</v>
      </c>
      <c r="I188" s="12">
        <v>921560.34</v>
      </c>
      <c r="J188" s="12">
        <v>5592823.1299999999</v>
      </c>
      <c r="K188" s="12">
        <v>0.04</v>
      </c>
      <c r="L188" s="12">
        <v>2713500.57</v>
      </c>
      <c r="M188" s="12">
        <v>0</v>
      </c>
    </row>
    <row r="189" spans="1:13" x14ac:dyDescent="0.25">
      <c r="A189" s="3" t="s">
        <v>366</v>
      </c>
      <c r="B189" s="5" t="s">
        <v>449</v>
      </c>
      <c r="C189" s="11">
        <v>25686400</v>
      </c>
      <c r="D189" s="11">
        <v>35782455.390000001</v>
      </c>
      <c r="E189" s="11">
        <v>5827927.7300000004</v>
      </c>
      <c r="F189" s="11">
        <v>35664954.759999998</v>
      </c>
      <c r="G189" s="11">
        <v>0.24</v>
      </c>
      <c r="H189" s="11">
        <v>117500.63</v>
      </c>
      <c r="I189" s="11">
        <v>5828298.3399999999</v>
      </c>
      <c r="J189" s="11">
        <v>35664954.759999998</v>
      </c>
      <c r="K189" s="11">
        <v>0.24</v>
      </c>
      <c r="L189" s="11">
        <v>117500.63</v>
      </c>
      <c r="M189" s="11">
        <v>0</v>
      </c>
    </row>
    <row r="190" spans="1:13" x14ac:dyDescent="0.25">
      <c r="A190" s="2" t="s">
        <v>482</v>
      </c>
      <c r="B190" s="4" t="s">
        <v>386</v>
      </c>
      <c r="C190" s="12">
        <v>25686400</v>
      </c>
      <c r="D190" s="12">
        <v>35782455.390000001</v>
      </c>
      <c r="E190" s="12">
        <v>5827927.7300000004</v>
      </c>
      <c r="F190" s="12">
        <v>35664954.759999998</v>
      </c>
      <c r="G190" s="12">
        <v>0.24</v>
      </c>
      <c r="H190" s="12">
        <v>117500.63</v>
      </c>
      <c r="I190" s="12">
        <v>5828298.3399999999</v>
      </c>
      <c r="J190" s="12">
        <v>35664954.759999998</v>
      </c>
      <c r="K190" s="12">
        <v>0.24</v>
      </c>
      <c r="L190" s="12">
        <v>117500.63</v>
      </c>
      <c r="M190" s="12">
        <v>0</v>
      </c>
    </row>
    <row r="191" spans="1:13" x14ac:dyDescent="0.25">
      <c r="A191" s="3" t="s">
        <v>483</v>
      </c>
      <c r="B191" s="5" t="s">
        <v>459</v>
      </c>
      <c r="C191" s="11">
        <v>3640400</v>
      </c>
      <c r="D191" s="11">
        <v>3718934</v>
      </c>
      <c r="E191" s="11">
        <v>565646.13</v>
      </c>
      <c r="F191" s="11">
        <v>2933335.87</v>
      </c>
      <c r="G191" s="11">
        <v>0.02</v>
      </c>
      <c r="H191" s="11">
        <v>785598.13</v>
      </c>
      <c r="I191" s="11">
        <v>565646.13</v>
      </c>
      <c r="J191" s="11">
        <v>2933335.87</v>
      </c>
      <c r="K191" s="11">
        <v>0.02</v>
      </c>
      <c r="L191" s="11">
        <v>785598.13</v>
      </c>
      <c r="M191" s="11">
        <v>0</v>
      </c>
    </row>
    <row r="192" spans="1:13" x14ac:dyDescent="0.25">
      <c r="A192" s="2" t="s">
        <v>484</v>
      </c>
      <c r="B192" s="4" t="s">
        <v>460</v>
      </c>
      <c r="C192" s="12">
        <v>1980000</v>
      </c>
      <c r="D192" s="12">
        <v>1924000</v>
      </c>
      <c r="E192" s="12">
        <v>353108.17</v>
      </c>
      <c r="F192" s="12">
        <v>1561784.15</v>
      </c>
      <c r="G192" s="12">
        <v>0.01</v>
      </c>
      <c r="H192" s="12">
        <v>362215.85</v>
      </c>
      <c r="I192" s="12">
        <v>353108.17</v>
      </c>
      <c r="J192" s="12">
        <v>1561784.15</v>
      </c>
      <c r="K192" s="12">
        <v>0.01</v>
      </c>
      <c r="L192" s="12">
        <v>362215.85</v>
      </c>
      <c r="M192" s="12">
        <v>0</v>
      </c>
    </row>
    <row r="193" spans="1:13" x14ac:dyDescent="0.25">
      <c r="A193" s="2" t="s">
        <v>485</v>
      </c>
      <c r="B193" s="4" t="s">
        <v>461</v>
      </c>
      <c r="C193" s="12">
        <v>1660400</v>
      </c>
      <c r="D193" s="12">
        <v>1794934</v>
      </c>
      <c r="E193" s="12">
        <v>212537.96</v>
      </c>
      <c r="F193" s="12">
        <v>1371551.72</v>
      </c>
      <c r="G193" s="12">
        <v>0.01</v>
      </c>
      <c r="H193" s="12">
        <v>423382.28</v>
      </c>
      <c r="I193" s="12">
        <v>212537.96</v>
      </c>
      <c r="J193" s="12">
        <v>1371551.72</v>
      </c>
      <c r="K193" s="12">
        <v>0.01</v>
      </c>
      <c r="L193" s="12">
        <v>423382.28</v>
      </c>
      <c r="M193" s="12">
        <v>0</v>
      </c>
    </row>
    <row r="194" spans="1:13" x14ac:dyDescent="0.25">
      <c r="A194" s="3" t="s">
        <v>486</v>
      </c>
      <c r="B194" s="5" t="s">
        <v>467</v>
      </c>
      <c r="C194" s="11">
        <v>17490400</v>
      </c>
      <c r="D194" s="11">
        <v>37466556.189999998</v>
      </c>
      <c r="E194" s="11">
        <v>5558765.3600000003</v>
      </c>
      <c r="F194" s="11">
        <v>36397788.659999996</v>
      </c>
      <c r="G194" s="11">
        <v>0.24</v>
      </c>
      <c r="H194" s="11">
        <v>1068767.53</v>
      </c>
      <c r="I194" s="11">
        <v>5558765.3600000003</v>
      </c>
      <c r="J194" s="11">
        <v>36397788.659999996</v>
      </c>
      <c r="K194" s="11">
        <v>0.25</v>
      </c>
      <c r="L194" s="11">
        <v>1068767.53</v>
      </c>
      <c r="M194" s="11">
        <v>0</v>
      </c>
    </row>
    <row r="195" spans="1:13" x14ac:dyDescent="0.25">
      <c r="A195" s="2" t="s">
        <v>487</v>
      </c>
      <c r="B195" s="4" t="s">
        <v>386</v>
      </c>
      <c r="C195" s="12">
        <v>17490400</v>
      </c>
      <c r="D195" s="12">
        <v>37466556.189999998</v>
      </c>
      <c r="E195" s="12">
        <v>5558765.3600000003</v>
      </c>
      <c r="F195" s="12">
        <v>36397788.659999996</v>
      </c>
      <c r="G195" s="12">
        <v>0.24</v>
      </c>
      <c r="H195" s="12">
        <v>1068767.53</v>
      </c>
      <c r="I195" s="12">
        <v>5558765.3600000003</v>
      </c>
      <c r="J195" s="12">
        <v>36397788.659999996</v>
      </c>
      <c r="K195" s="12">
        <v>0.25</v>
      </c>
      <c r="L195" s="12">
        <v>1068767.53</v>
      </c>
      <c r="M195" s="12">
        <v>0</v>
      </c>
    </row>
    <row r="196" spans="1:13" x14ac:dyDescent="0.25">
      <c r="A196" s="3" t="s">
        <v>488</v>
      </c>
      <c r="B196" s="5" t="s">
        <v>472</v>
      </c>
      <c r="C196" s="11">
        <v>134800</v>
      </c>
      <c r="D196" s="11">
        <v>328171.71000000002</v>
      </c>
      <c r="E196" s="11">
        <v>59691.33</v>
      </c>
      <c r="F196" s="11">
        <v>327196</v>
      </c>
      <c r="G196" s="11">
        <v>0</v>
      </c>
      <c r="H196" s="11">
        <v>975.71</v>
      </c>
      <c r="I196" s="11">
        <v>59691.33</v>
      </c>
      <c r="J196" s="11">
        <v>327196</v>
      </c>
      <c r="K196" s="11">
        <v>0</v>
      </c>
      <c r="L196" s="11">
        <v>975.71</v>
      </c>
      <c r="M196" s="11">
        <v>0</v>
      </c>
    </row>
    <row r="197" spans="1:13" x14ac:dyDescent="0.25">
      <c r="A197" s="2" t="s">
        <v>489</v>
      </c>
      <c r="B197" s="4" t="s">
        <v>473</v>
      </c>
      <c r="C197" s="12">
        <v>0</v>
      </c>
      <c r="D197" s="12">
        <v>6638.09</v>
      </c>
      <c r="E197" s="12">
        <v>0</v>
      </c>
      <c r="F197" s="12">
        <v>6638.08</v>
      </c>
      <c r="G197" s="12">
        <v>0</v>
      </c>
      <c r="H197" s="12">
        <v>0.01</v>
      </c>
      <c r="I197" s="12">
        <v>0</v>
      </c>
      <c r="J197" s="12">
        <v>6638.08</v>
      </c>
      <c r="K197" s="12">
        <v>0</v>
      </c>
      <c r="L197" s="12">
        <v>0.01</v>
      </c>
      <c r="M197" s="12">
        <v>0</v>
      </c>
    </row>
    <row r="198" spans="1:13" x14ac:dyDescent="0.25">
      <c r="A198" s="2" t="s">
        <v>490</v>
      </c>
      <c r="B198" s="4" t="s">
        <v>474</v>
      </c>
      <c r="C198" s="12">
        <v>134800</v>
      </c>
      <c r="D198" s="12">
        <v>321533.62</v>
      </c>
      <c r="E198" s="12">
        <v>59691.33</v>
      </c>
      <c r="F198" s="12">
        <v>320557.92</v>
      </c>
      <c r="G198" s="12">
        <v>0</v>
      </c>
      <c r="H198" s="12">
        <v>975.7</v>
      </c>
      <c r="I198" s="12">
        <v>59691.33</v>
      </c>
      <c r="J198" s="12">
        <v>320557.92</v>
      </c>
      <c r="K198" s="12">
        <v>0</v>
      </c>
      <c r="L198" s="12">
        <v>975.7</v>
      </c>
      <c r="M198" s="12">
        <v>0</v>
      </c>
    </row>
    <row r="199" spans="1:13" x14ac:dyDescent="0.25">
      <c r="A199" s="3" t="s">
        <v>491</v>
      </c>
      <c r="B199" s="5" t="s">
        <v>475</v>
      </c>
      <c r="C199" s="11">
        <v>303554800</v>
      </c>
      <c r="D199" s="11">
        <v>45387229.920000002</v>
      </c>
      <c r="E199" s="11">
        <v>6271491.9400000004</v>
      </c>
      <c r="F199" s="11">
        <v>37216677.469999999</v>
      </c>
      <c r="G199" s="11">
        <v>0.25</v>
      </c>
      <c r="H199" s="11">
        <v>8170552.4500000002</v>
      </c>
      <c r="I199" s="11">
        <v>6271492.04</v>
      </c>
      <c r="J199" s="11">
        <v>37216677.469999999</v>
      </c>
      <c r="K199" s="11">
        <v>0.25</v>
      </c>
      <c r="L199" s="11">
        <v>8170552.4500000002</v>
      </c>
      <c r="M199" s="11">
        <v>0</v>
      </c>
    </row>
    <row r="200" spans="1:13" x14ac:dyDescent="0.25">
      <c r="A200" s="2" t="s">
        <v>492</v>
      </c>
      <c r="B200" s="4" t="s">
        <v>408</v>
      </c>
      <c r="C200" s="12">
        <v>1902000</v>
      </c>
      <c r="D200" s="12">
        <v>3002000</v>
      </c>
      <c r="E200" s="12">
        <v>567824.99</v>
      </c>
      <c r="F200" s="12">
        <v>2832432.15</v>
      </c>
      <c r="G200" s="12">
        <v>0.02</v>
      </c>
      <c r="H200" s="12">
        <v>169567.85</v>
      </c>
      <c r="I200" s="12">
        <v>567824.99</v>
      </c>
      <c r="J200" s="12">
        <v>2832432.15</v>
      </c>
      <c r="K200" s="12">
        <v>0.02</v>
      </c>
      <c r="L200" s="12">
        <v>169567.85</v>
      </c>
      <c r="M200" s="12">
        <v>0</v>
      </c>
    </row>
    <row r="201" spans="1:13" x14ac:dyDescent="0.25">
      <c r="A201" s="2" t="s">
        <v>493</v>
      </c>
      <c r="B201" s="4" t="s">
        <v>390</v>
      </c>
      <c r="C201" s="12">
        <v>301652800</v>
      </c>
      <c r="D201" s="12">
        <v>42385229.920000002</v>
      </c>
      <c r="E201" s="12">
        <v>5703666.9500000002</v>
      </c>
      <c r="F201" s="12">
        <v>34384245.32</v>
      </c>
      <c r="G201" s="12">
        <v>0.23</v>
      </c>
      <c r="H201" s="12">
        <v>8000984.5999999996</v>
      </c>
      <c r="I201" s="12">
        <v>5703667.0499999998</v>
      </c>
      <c r="J201" s="12">
        <v>34384245.32</v>
      </c>
      <c r="K201" s="12">
        <v>0.23</v>
      </c>
      <c r="L201" s="12">
        <v>8000984.5999999996</v>
      </c>
      <c r="M201" s="12">
        <v>0</v>
      </c>
    </row>
    <row r="202" spans="1:13" x14ac:dyDescent="0.25">
      <c r="A202" s="3" t="s">
        <v>494</v>
      </c>
      <c r="B202" s="5" t="s">
        <v>495</v>
      </c>
      <c r="C202" s="11">
        <v>15048000000</v>
      </c>
      <c r="D202" s="11">
        <v>16927076795.52</v>
      </c>
      <c r="E202" s="11">
        <v>2107646163.97</v>
      </c>
      <c r="F202" s="11">
        <v>15066291275.1</v>
      </c>
      <c r="G202" s="11">
        <v>99.99</v>
      </c>
      <c r="H202" s="11">
        <v>1860785520.4200001</v>
      </c>
      <c r="I202" s="11">
        <v>2663961758.8200002</v>
      </c>
      <c r="J202" s="11">
        <v>14721240670.67</v>
      </c>
      <c r="K202" s="11">
        <v>99.94</v>
      </c>
      <c r="L202" s="11">
        <v>2205836124.8499999</v>
      </c>
      <c r="M202" s="11">
        <v>345050604.43000001</v>
      </c>
    </row>
  </sheetData>
  <mergeCells count="15">
    <mergeCell ref="A9:M9"/>
    <mergeCell ref="A10:A11"/>
    <mergeCell ref="B10:B11"/>
    <mergeCell ref="C10:C11"/>
    <mergeCell ref="D10:D11"/>
    <mergeCell ref="E10:G10"/>
    <mergeCell ref="H10:H11"/>
    <mergeCell ref="I10:K10"/>
    <mergeCell ref="L10:L11"/>
    <mergeCell ref="M10:M11"/>
    <mergeCell ref="A3:M3"/>
    <mergeCell ref="A4:M4"/>
    <mergeCell ref="A5:M5"/>
    <mergeCell ref="A6:M6"/>
    <mergeCell ref="A7:M7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P38"/>
  <sheetViews>
    <sheetView showGridLines="0" workbookViewId="0"/>
  </sheetViews>
  <sheetFormatPr defaultRowHeight="15" x14ac:dyDescent="0.25"/>
  <cols>
    <col min="2" max="2" width="48.5703125" bestFit="1" customWidth="1"/>
    <col min="3" max="14" width="19" bestFit="1" customWidth="1"/>
    <col min="15" max="16" width="20.140625" bestFit="1" customWidth="1"/>
  </cols>
  <sheetData>
    <row r="3" spans="1:16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7"/>
      <c r="O3" s="7"/>
      <c r="P3" s="7"/>
    </row>
    <row r="4" spans="1:16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  <c r="N4" s="7"/>
      <c r="O4" s="7"/>
      <c r="P4" s="7"/>
    </row>
    <row r="5" spans="1:16" x14ac:dyDescent="0.25">
      <c r="A5" s="8" t="s">
        <v>496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  <c r="O5" s="7"/>
      <c r="P5" s="7"/>
    </row>
    <row r="6" spans="1:16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  <c r="N6" s="7"/>
      <c r="O6" s="7"/>
      <c r="P6" s="7"/>
    </row>
    <row r="7" spans="1:16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  <c r="N7" s="7"/>
      <c r="O7" s="7"/>
      <c r="P7" s="7"/>
    </row>
    <row r="9" spans="1:16" x14ac:dyDescent="0.25">
      <c r="A9" s="9" t="s">
        <v>497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  <c r="N9" s="7"/>
      <c r="O9" s="7"/>
      <c r="P9" s="7"/>
    </row>
    <row r="10" spans="1:16" x14ac:dyDescent="0.25">
      <c r="A10" s="10" t="s">
        <v>6</v>
      </c>
      <c r="B10" s="10" t="s">
        <v>498</v>
      </c>
      <c r="C10" s="10" t="s">
        <v>499</v>
      </c>
      <c r="D10" s="10" t="s">
        <v>7</v>
      </c>
      <c r="E10" s="10" t="s">
        <v>7</v>
      </c>
      <c r="F10" s="10" t="s">
        <v>7</v>
      </c>
      <c r="G10" s="10" t="s">
        <v>7</v>
      </c>
      <c r="H10" s="10" t="s">
        <v>7</v>
      </c>
      <c r="I10" s="10" t="s">
        <v>7</v>
      </c>
      <c r="J10" s="10" t="s">
        <v>7</v>
      </c>
      <c r="K10" s="10" t="s">
        <v>7</v>
      </c>
      <c r="L10" s="10" t="s">
        <v>7</v>
      </c>
      <c r="M10" s="10" t="s">
        <v>7</v>
      </c>
      <c r="N10" s="10" t="s">
        <v>7</v>
      </c>
      <c r="O10" s="10" t="s">
        <v>512</v>
      </c>
      <c r="P10" s="10" t="s">
        <v>513</v>
      </c>
    </row>
    <row r="11" spans="1:16" ht="21" x14ac:dyDescent="0.25">
      <c r="A11" s="10" t="s">
        <v>7</v>
      </c>
      <c r="B11" s="10" t="s">
        <v>7</v>
      </c>
      <c r="C11" s="1" t="s">
        <v>500</v>
      </c>
      <c r="D11" s="1" t="s">
        <v>501</v>
      </c>
      <c r="E11" s="1" t="s">
        <v>502</v>
      </c>
      <c r="F11" s="1" t="s">
        <v>503</v>
      </c>
      <c r="G11" s="1" t="s">
        <v>504</v>
      </c>
      <c r="H11" s="1" t="s">
        <v>505</v>
      </c>
      <c r="I11" s="1" t="s">
        <v>506</v>
      </c>
      <c r="J11" s="1" t="s">
        <v>507</v>
      </c>
      <c r="K11" s="1" t="s">
        <v>508</v>
      </c>
      <c r="L11" s="1" t="s">
        <v>509</v>
      </c>
      <c r="M11" s="1" t="s">
        <v>510</v>
      </c>
      <c r="N11" s="1" t="s">
        <v>511</v>
      </c>
      <c r="O11" s="10" t="s">
        <v>7</v>
      </c>
      <c r="P11" s="10" t="s">
        <v>7</v>
      </c>
    </row>
    <row r="12" spans="1:16" x14ac:dyDescent="0.25">
      <c r="A12" s="3" t="s">
        <v>17</v>
      </c>
      <c r="B12" s="5" t="s">
        <v>514</v>
      </c>
      <c r="C12" s="11">
        <v>1584326726.4300001</v>
      </c>
      <c r="D12" s="11">
        <v>1291992743.8800001</v>
      </c>
      <c r="E12" s="11">
        <v>1266901422.02</v>
      </c>
      <c r="F12" s="11">
        <v>1295598456.9300001</v>
      </c>
      <c r="G12" s="11">
        <v>1277563392.53</v>
      </c>
      <c r="H12" s="11">
        <v>1404730350.71</v>
      </c>
      <c r="I12" s="11">
        <v>1337321969.98</v>
      </c>
      <c r="J12" s="11">
        <v>1286775509.29</v>
      </c>
      <c r="K12" s="11">
        <v>1271512416.3399999</v>
      </c>
      <c r="L12" s="11">
        <v>1882934607.0799999</v>
      </c>
      <c r="M12" s="11">
        <v>1425475174.6700001</v>
      </c>
      <c r="N12" s="11">
        <v>1846375777.3699999</v>
      </c>
      <c r="O12" s="11">
        <v>17171508547.23</v>
      </c>
      <c r="P12" s="11">
        <v>16788321806</v>
      </c>
    </row>
    <row r="13" spans="1:16" x14ac:dyDescent="0.25">
      <c r="A13" s="3" t="s">
        <v>19</v>
      </c>
      <c r="B13" s="5" t="s">
        <v>515</v>
      </c>
      <c r="C13" s="11">
        <v>1122010142.3399999</v>
      </c>
      <c r="D13" s="11">
        <v>844743397.84000003</v>
      </c>
      <c r="E13" s="11">
        <v>854240112.48000002</v>
      </c>
      <c r="F13" s="11">
        <v>871669389.61000001</v>
      </c>
      <c r="G13" s="11">
        <v>841147269</v>
      </c>
      <c r="H13" s="11">
        <v>1034079832.34</v>
      </c>
      <c r="I13" s="11">
        <v>891680396.40999997</v>
      </c>
      <c r="J13" s="11">
        <v>863351300.76999998</v>
      </c>
      <c r="K13" s="11">
        <v>853843388.05999994</v>
      </c>
      <c r="L13" s="11">
        <v>856962556.46000004</v>
      </c>
      <c r="M13" s="11">
        <v>973016204.65999997</v>
      </c>
      <c r="N13" s="11">
        <v>1125053556.47</v>
      </c>
      <c r="O13" s="11">
        <v>11131797546.440001</v>
      </c>
      <c r="P13" s="11">
        <v>11053356695</v>
      </c>
    </row>
    <row r="14" spans="1:16" x14ac:dyDescent="0.25">
      <c r="A14" s="2" t="s">
        <v>21</v>
      </c>
      <c r="B14" s="4" t="s">
        <v>516</v>
      </c>
      <c r="C14" s="12">
        <v>708120565.13</v>
      </c>
      <c r="D14" s="12">
        <v>711196237.32000005</v>
      </c>
      <c r="E14" s="12">
        <v>720230018.72000003</v>
      </c>
      <c r="F14" s="12">
        <v>721187487.88</v>
      </c>
      <c r="G14" s="12">
        <v>712415564.96000004</v>
      </c>
      <c r="H14" s="12">
        <v>722827291.83000004</v>
      </c>
      <c r="I14" s="12">
        <v>749643307.91999996</v>
      </c>
      <c r="J14" s="12">
        <v>765580892.67999995</v>
      </c>
      <c r="K14" s="12">
        <v>756156223.38</v>
      </c>
      <c r="L14" s="12">
        <v>758112891.85000002</v>
      </c>
      <c r="M14" s="12">
        <v>861271468.40999997</v>
      </c>
      <c r="N14" s="12">
        <v>918519679.75999999</v>
      </c>
      <c r="O14" s="12">
        <v>9105261629.8400002</v>
      </c>
      <c r="P14" s="12">
        <v>8902727140</v>
      </c>
    </row>
    <row r="15" spans="1:16" x14ac:dyDescent="0.25">
      <c r="A15" s="2" t="s">
        <v>23</v>
      </c>
      <c r="B15" s="4" t="s">
        <v>517</v>
      </c>
      <c r="C15" s="12">
        <v>332588136.35000002</v>
      </c>
      <c r="D15" s="12">
        <v>57205801.259999998</v>
      </c>
      <c r="E15" s="12">
        <v>49735463.990000002</v>
      </c>
      <c r="F15" s="12">
        <v>56921423.43</v>
      </c>
      <c r="G15" s="12">
        <v>51737764.990000002</v>
      </c>
      <c r="H15" s="12">
        <v>25507359.68</v>
      </c>
      <c r="I15" s="12">
        <v>26668077.640000001</v>
      </c>
      <c r="J15" s="12">
        <v>21481617.890000001</v>
      </c>
      <c r="K15" s="12">
        <v>20028880.57</v>
      </c>
      <c r="L15" s="12">
        <v>18005184</v>
      </c>
      <c r="M15" s="12">
        <v>12957410.41</v>
      </c>
      <c r="N15" s="12">
        <v>43225167.649999999</v>
      </c>
      <c r="O15" s="12">
        <v>716062287.86000001</v>
      </c>
      <c r="P15" s="12">
        <v>695212300</v>
      </c>
    </row>
    <row r="16" spans="1:16" x14ac:dyDescent="0.25">
      <c r="A16" s="2" t="s">
        <v>25</v>
      </c>
      <c r="B16" s="4" t="s">
        <v>518</v>
      </c>
      <c r="C16" s="12">
        <v>10019102.74</v>
      </c>
      <c r="D16" s="12">
        <v>14783432.279999999</v>
      </c>
      <c r="E16" s="12">
        <v>9675585.8399999999</v>
      </c>
      <c r="F16" s="12">
        <v>8748173.4499999993</v>
      </c>
      <c r="G16" s="12">
        <v>14755951.73</v>
      </c>
      <c r="H16" s="12">
        <v>10392269.77</v>
      </c>
      <c r="I16" s="12">
        <v>16629102.25</v>
      </c>
      <c r="J16" s="12">
        <v>16574297.01</v>
      </c>
      <c r="K16" s="12">
        <v>14121476.08</v>
      </c>
      <c r="L16" s="12">
        <v>17332954.039999999</v>
      </c>
      <c r="M16" s="12">
        <v>27484754.120000001</v>
      </c>
      <c r="N16" s="12">
        <v>18122602.640000001</v>
      </c>
      <c r="O16" s="12">
        <v>178639701.94999999</v>
      </c>
      <c r="P16" s="12">
        <v>142312000</v>
      </c>
    </row>
    <row r="17" spans="1:16" x14ac:dyDescent="0.25">
      <c r="A17" s="2" t="s">
        <v>27</v>
      </c>
      <c r="B17" s="4" t="s">
        <v>519</v>
      </c>
      <c r="C17" s="12">
        <v>57528768.539999999</v>
      </c>
      <c r="D17" s="12">
        <v>46294688.600000001</v>
      </c>
      <c r="E17" s="12">
        <v>45701880.090000004</v>
      </c>
      <c r="F17" s="12">
        <v>65558385.710000001</v>
      </c>
      <c r="G17" s="12">
        <v>41410230.409999996</v>
      </c>
      <c r="H17" s="12">
        <v>255387165.09</v>
      </c>
      <c r="I17" s="12">
        <v>75330234.260000005</v>
      </c>
      <c r="J17" s="12">
        <v>34774188.5</v>
      </c>
      <c r="K17" s="12">
        <v>41024967.670000002</v>
      </c>
      <c r="L17" s="12">
        <v>41338026.229999997</v>
      </c>
      <c r="M17" s="12">
        <v>47113706.979999997</v>
      </c>
      <c r="N17" s="12">
        <v>125958447.05</v>
      </c>
      <c r="O17" s="12">
        <v>877420689.13</v>
      </c>
      <c r="P17" s="12">
        <v>949714500</v>
      </c>
    </row>
    <row r="18" spans="1:16" x14ac:dyDescent="0.25">
      <c r="A18" s="2" t="s">
        <v>29</v>
      </c>
      <c r="B18" s="4" t="s">
        <v>520</v>
      </c>
      <c r="C18" s="12">
        <v>13753569.58</v>
      </c>
      <c r="D18" s="12">
        <v>15263238.380000001</v>
      </c>
      <c r="E18" s="12">
        <v>28897163.84</v>
      </c>
      <c r="F18" s="12">
        <v>19253919.140000001</v>
      </c>
      <c r="G18" s="12">
        <v>20827756.91</v>
      </c>
      <c r="H18" s="12">
        <v>19965745.969999999</v>
      </c>
      <c r="I18" s="12">
        <v>23409674.34</v>
      </c>
      <c r="J18" s="12">
        <v>24940304.690000001</v>
      </c>
      <c r="K18" s="12">
        <v>22511840.359999999</v>
      </c>
      <c r="L18" s="12">
        <v>22173500.34</v>
      </c>
      <c r="M18" s="12">
        <v>24188864.739999998</v>
      </c>
      <c r="N18" s="12">
        <v>19227659.370000001</v>
      </c>
      <c r="O18" s="12">
        <v>254413237.66</v>
      </c>
      <c r="P18" s="12">
        <v>363390755</v>
      </c>
    </row>
    <row r="19" spans="1:16" x14ac:dyDescent="0.25">
      <c r="A19" s="2" t="s">
        <v>31</v>
      </c>
      <c r="B19" s="4" t="s">
        <v>240</v>
      </c>
      <c r="C19" s="12">
        <v>68457199.200000003</v>
      </c>
      <c r="D19" s="12">
        <v>35842850.439999998</v>
      </c>
      <c r="E19" s="12">
        <v>67774920.890000001</v>
      </c>
      <c r="F19" s="12">
        <v>46564557.840000004</v>
      </c>
      <c r="G19" s="12">
        <v>32991929.699999999</v>
      </c>
      <c r="H19" s="12">
        <v>32689805.719999999</v>
      </c>
      <c r="I19" s="12">
        <v>60354633.600000001</v>
      </c>
      <c r="J19" s="12">
        <v>49235037.119999997</v>
      </c>
      <c r="K19" s="12">
        <v>47798004.799999997</v>
      </c>
      <c r="L19" s="12">
        <v>69291281.019999996</v>
      </c>
      <c r="M19" s="12">
        <v>13319877.67</v>
      </c>
      <c r="N19" s="12">
        <v>62023838.909999996</v>
      </c>
      <c r="O19" s="12">
        <v>586343936.90999997</v>
      </c>
      <c r="P19" s="12">
        <v>786529000</v>
      </c>
    </row>
    <row r="20" spans="1:16" x14ac:dyDescent="0.25">
      <c r="A20" s="3" t="s">
        <v>33</v>
      </c>
      <c r="B20" s="5" t="s">
        <v>250</v>
      </c>
      <c r="C20" s="11">
        <v>15580901.82</v>
      </c>
      <c r="D20" s="11">
        <v>7787870.6100000003</v>
      </c>
      <c r="E20" s="11">
        <v>5537391.8799999999</v>
      </c>
      <c r="F20" s="11">
        <v>5782852.0300000003</v>
      </c>
      <c r="G20" s="11">
        <v>13027945.1</v>
      </c>
      <c r="H20" s="11">
        <v>8154317.7000000002</v>
      </c>
      <c r="I20" s="11">
        <v>13012557.289999999</v>
      </c>
      <c r="J20" s="11">
        <v>7347440.9199999999</v>
      </c>
      <c r="K20" s="11">
        <v>6753897.7400000002</v>
      </c>
      <c r="L20" s="11">
        <v>6656089.3200000003</v>
      </c>
      <c r="M20" s="11">
        <v>6038990.7400000002</v>
      </c>
      <c r="N20" s="11">
        <v>5143201.12</v>
      </c>
      <c r="O20" s="11">
        <v>100823456.27</v>
      </c>
      <c r="P20" s="11">
        <v>111519270</v>
      </c>
    </row>
    <row r="21" spans="1:16" x14ac:dyDescent="0.25">
      <c r="A21" s="2" t="s">
        <v>35</v>
      </c>
      <c r="B21" s="4" t="s">
        <v>521</v>
      </c>
      <c r="C21" s="12">
        <v>4108758.04</v>
      </c>
      <c r="D21" s="12">
        <v>4841847.63</v>
      </c>
      <c r="E21" s="12">
        <v>4232759.55</v>
      </c>
      <c r="F21" s="12">
        <v>4645550.29</v>
      </c>
      <c r="G21" s="12">
        <v>5437375.0199999996</v>
      </c>
      <c r="H21" s="12">
        <v>4581150.57</v>
      </c>
      <c r="I21" s="12">
        <v>6135837.1200000001</v>
      </c>
      <c r="J21" s="12">
        <v>5339292.57</v>
      </c>
      <c r="K21" s="12">
        <v>5290653.54</v>
      </c>
      <c r="L21" s="12">
        <v>5301666.41</v>
      </c>
      <c r="M21" s="12">
        <v>4420592.46</v>
      </c>
      <c r="N21" s="12">
        <v>3611518.9</v>
      </c>
      <c r="O21" s="12">
        <v>57947002.100000001</v>
      </c>
      <c r="P21" s="12">
        <v>61687300</v>
      </c>
    </row>
    <row r="22" spans="1:16" x14ac:dyDescent="0.25">
      <c r="A22" s="2" t="s">
        <v>37</v>
      </c>
      <c r="B22" s="4" t="s">
        <v>522</v>
      </c>
      <c r="C22" s="12">
        <v>11472143.779999999</v>
      </c>
      <c r="D22" s="12">
        <v>2946022.98</v>
      </c>
      <c r="E22" s="12">
        <v>1304632.33</v>
      </c>
      <c r="F22" s="12">
        <v>1137301.74</v>
      </c>
      <c r="G22" s="12">
        <v>7590570.0800000001</v>
      </c>
      <c r="H22" s="12">
        <v>3573167.13</v>
      </c>
      <c r="I22" s="12">
        <v>6876720.1699999999</v>
      </c>
      <c r="J22" s="12">
        <v>2008148.35</v>
      </c>
      <c r="K22" s="12">
        <v>1463244.2</v>
      </c>
      <c r="L22" s="12">
        <v>1354422.91</v>
      </c>
      <c r="M22" s="12">
        <v>1618398.28</v>
      </c>
      <c r="N22" s="12">
        <v>1531682.22</v>
      </c>
      <c r="O22" s="12">
        <v>42876454.170000002</v>
      </c>
      <c r="P22" s="12">
        <v>49831970</v>
      </c>
    </row>
    <row r="23" spans="1:16" x14ac:dyDescent="0.25">
      <c r="A23" s="2" t="s">
        <v>39</v>
      </c>
      <c r="B23" s="4" t="s">
        <v>266</v>
      </c>
      <c r="C23" s="12">
        <v>0</v>
      </c>
      <c r="D23" s="12">
        <v>0</v>
      </c>
      <c r="E23" s="12">
        <v>0</v>
      </c>
      <c r="F23" s="12">
        <v>0</v>
      </c>
      <c r="G23" s="12">
        <v>0</v>
      </c>
      <c r="H23" s="12">
        <v>0</v>
      </c>
      <c r="I23" s="12">
        <v>0</v>
      </c>
      <c r="J23" s="12">
        <v>0</v>
      </c>
      <c r="K23" s="12">
        <v>0</v>
      </c>
      <c r="L23" s="12">
        <v>0</v>
      </c>
      <c r="M23" s="12">
        <v>0</v>
      </c>
      <c r="N23" s="12">
        <v>0</v>
      </c>
      <c r="O23" s="12">
        <v>0</v>
      </c>
      <c r="P23" s="12">
        <v>0</v>
      </c>
    </row>
    <row r="24" spans="1:16" x14ac:dyDescent="0.25">
      <c r="A24" s="2" t="s">
        <v>41</v>
      </c>
      <c r="B24" s="4" t="s">
        <v>268</v>
      </c>
      <c r="C24" s="12">
        <v>0</v>
      </c>
      <c r="D24" s="12">
        <v>0</v>
      </c>
      <c r="E24" s="12">
        <v>0</v>
      </c>
      <c r="F24" s="12">
        <v>0</v>
      </c>
      <c r="G24" s="12">
        <v>0</v>
      </c>
      <c r="H24" s="12">
        <v>0</v>
      </c>
      <c r="I24" s="12">
        <v>0</v>
      </c>
      <c r="J24" s="12">
        <v>0</v>
      </c>
      <c r="K24" s="12">
        <v>0</v>
      </c>
      <c r="L24" s="12">
        <v>0</v>
      </c>
      <c r="M24" s="12">
        <v>0</v>
      </c>
      <c r="N24" s="12">
        <v>0</v>
      </c>
      <c r="O24" s="12">
        <v>0</v>
      </c>
      <c r="P24" s="12">
        <v>0</v>
      </c>
    </row>
    <row r="25" spans="1:16" x14ac:dyDescent="0.25">
      <c r="A25" s="2" t="s">
        <v>43</v>
      </c>
      <c r="B25" s="4" t="s">
        <v>270</v>
      </c>
      <c r="C25" s="12">
        <v>49956139.68</v>
      </c>
      <c r="D25" s="12">
        <v>60577018.950000003</v>
      </c>
      <c r="E25" s="12">
        <v>66429048.439999998</v>
      </c>
      <c r="F25" s="12">
        <v>76540043.790000007</v>
      </c>
      <c r="G25" s="12">
        <v>77339189.400000006</v>
      </c>
      <c r="H25" s="12">
        <v>54469854.289999999</v>
      </c>
      <c r="I25" s="12">
        <v>95954947.030000001</v>
      </c>
      <c r="J25" s="12">
        <v>78083157.140000001</v>
      </c>
      <c r="K25" s="12">
        <v>79163412.049999997</v>
      </c>
      <c r="L25" s="12">
        <v>78197255.930000007</v>
      </c>
      <c r="M25" s="12">
        <v>75843641.769999996</v>
      </c>
      <c r="N25" s="12">
        <v>80948692.180000007</v>
      </c>
      <c r="O25" s="12">
        <v>873502400.64999998</v>
      </c>
      <c r="P25" s="12">
        <v>1013757041</v>
      </c>
    </row>
    <row r="26" spans="1:16" x14ac:dyDescent="0.25">
      <c r="A26" s="3" t="s">
        <v>45</v>
      </c>
      <c r="B26" s="5" t="s">
        <v>282</v>
      </c>
      <c r="C26" s="11">
        <v>322399021.38</v>
      </c>
      <c r="D26" s="11">
        <v>337581617.63</v>
      </c>
      <c r="E26" s="11">
        <v>268002789.59</v>
      </c>
      <c r="F26" s="11">
        <v>287684566.73000002</v>
      </c>
      <c r="G26" s="11">
        <v>303266061.31</v>
      </c>
      <c r="H26" s="11">
        <v>269246910.10000002</v>
      </c>
      <c r="I26" s="11">
        <v>265447802.34</v>
      </c>
      <c r="J26" s="11">
        <v>280469933.91000003</v>
      </c>
      <c r="K26" s="11">
        <v>275075661.81</v>
      </c>
      <c r="L26" s="11">
        <v>864089973.00999999</v>
      </c>
      <c r="M26" s="11">
        <v>349999637.68000001</v>
      </c>
      <c r="N26" s="11">
        <v>566550751.71000004</v>
      </c>
      <c r="O26" s="11">
        <v>4389814727.1999998</v>
      </c>
      <c r="P26" s="11">
        <v>3762164900</v>
      </c>
    </row>
    <row r="27" spans="1:16" x14ac:dyDescent="0.25">
      <c r="A27" s="2" t="s">
        <v>47</v>
      </c>
      <c r="B27" s="4" t="s">
        <v>523</v>
      </c>
      <c r="C27" s="12">
        <v>127315074.43000001</v>
      </c>
      <c r="D27" s="12">
        <v>139239331.03</v>
      </c>
      <c r="E27" s="12">
        <v>106049141.79000001</v>
      </c>
      <c r="F27" s="12">
        <v>101022152.94</v>
      </c>
      <c r="G27" s="12">
        <v>130771618.27</v>
      </c>
      <c r="H27" s="12">
        <v>101892513.95</v>
      </c>
      <c r="I27" s="12">
        <v>85081290.670000002</v>
      </c>
      <c r="J27" s="12">
        <v>104425759.15000001</v>
      </c>
      <c r="K27" s="12">
        <v>94554248.099999994</v>
      </c>
      <c r="L27" s="12">
        <v>83446437.859999999</v>
      </c>
      <c r="M27" s="12">
        <v>116841436.13</v>
      </c>
      <c r="N27" s="12">
        <v>142353453.91</v>
      </c>
      <c r="O27" s="12">
        <v>1332992458.23</v>
      </c>
      <c r="P27" s="12">
        <v>1218808000</v>
      </c>
    </row>
    <row r="28" spans="1:16" x14ac:dyDescent="0.25">
      <c r="A28" s="2" t="s">
        <v>49</v>
      </c>
      <c r="B28" s="4" t="s">
        <v>524</v>
      </c>
      <c r="C28" s="12">
        <v>0</v>
      </c>
      <c r="D28" s="12">
        <v>0</v>
      </c>
      <c r="E28" s="12">
        <v>0</v>
      </c>
      <c r="F28" s="12">
        <v>0</v>
      </c>
      <c r="G28" s="12">
        <v>0</v>
      </c>
      <c r="H28" s="12">
        <v>0</v>
      </c>
      <c r="I28" s="12">
        <v>0</v>
      </c>
      <c r="J28" s="12">
        <v>0</v>
      </c>
      <c r="K28" s="12">
        <v>0</v>
      </c>
      <c r="L28" s="12">
        <v>0</v>
      </c>
      <c r="M28" s="12">
        <v>0</v>
      </c>
      <c r="N28" s="12">
        <v>0</v>
      </c>
      <c r="O28" s="12">
        <v>0</v>
      </c>
      <c r="P28" s="12">
        <v>18217000</v>
      </c>
    </row>
    <row r="29" spans="1:16" x14ac:dyDescent="0.25">
      <c r="A29" s="2" t="s">
        <v>51</v>
      </c>
      <c r="B29" s="4" t="s">
        <v>525</v>
      </c>
      <c r="C29" s="12">
        <v>8257372.0599999996</v>
      </c>
      <c r="D29" s="12">
        <v>8740908.7799999993</v>
      </c>
      <c r="E29" s="12">
        <v>8441809.6300000008</v>
      </c>
      <c r="F29" s="12">
        <v>8558403.0999999996</v>
      </c>
      <c r="G29" s="12">
        <v>8380277.9900000002</v>
      </c>
      <c r="H29" s="12">
        <v>8788536.3300000001</v>
      </c>
      <c r="I29" s="12">
        <v>8896836.8000000007</v>
      </c>
      <c r="J29" s="12">
        <v>7962746.9800000004</v>
      </c>
      <c r="K29" s="12">
        <v>9706787.2300000004</v>
      </c>
      <c r="L29" s="12">
        <v>8590396.0299999993</v>
      </c>
      <c r="M29" s="12">
        <v>9021163.4900000002</v>
      </c>
      <c r="N29" s="12">
        <v>10603544.550000001</v>
      </c>
      <c r="O29" s="12">
        <v>105948782.97</v>
      </c>
      <c r="P29" s="12">
        <v>105726200</v>
      </c>
    </row>
    <row r="30" spans="1:16" x14ac:dyDescent="0.25">
      <c r="A30" s="2" t="s">
        <v>53</v>
      </c>
      <c r="B30" s="4" t="s">
        <v>526</v>
      </c>
      <c r="C30" s="12">
        <v>107790832.87</v>
      </c>
      <c r="D30" s="12">
        <v>107224946.70999999</v>
      </c>
      <c r="E30" s="12">
        <v>78504689.420000002</v>
      </c>
      <c r="F30" s="12">
        <v>98704077.629999995</v>
      </c>
      <c r="G30" s="12">
        <v>85135303.900000006</v>
      </c>
      <c r="H30" s="12">
        <v>79082064.379999995</v>
      </c>
      <c r="I30" s="12">
        <v>90709679.790000007</v>
      </c>
      <c r="J30" s="12">
        <v>86543559.480000004</v>
      </c>
      <c r="K30" s="12">
        <v>88945899.760000005</v>
      </c>
      <c r="L30" s="12">
        <v>90606020.640000001</v>
      </c>
      <c r="M30" s="12">
        <v>87965055.489999995</v>
      </c>
      <c r="N30" s="12">
        <v>124792277.43000001</v>
      </c>
      <c r="O30" s="12">
        <v>1126004407.5</v>
      </c>
      <c r="P30" s="12">
        <v>1153811400</v>
      </c>
    </row>
    <row r="31" spans="1:16" x14ac:dyDescent="0.25">
      <c r="A31" s="2" t="s">
        <v>55</v>
      </c>
      <c r="B31" s="4" t="s">
        <v>527</v>
      </c>
      <c r="C31" s="12">
        <v>79035742.019999996</v>
      </c>
      <c r="D31" s="12">
        <v>82376431.109999999</v>
      </c>
      <c r="E31" s="12">
        <v>75007148.75</v>
      </c>
      <c r="F31" s="12">
        <v>79399933.060000002</v>
      </c>
      <c r="G31" s="12">
        <v>78978861.150000006</v>
      </c>
      <c r="H31" s="12">
        <v>79483795.439999998</v>
      </c>
      <c r="I31" s="12">
        <v>80759995.079999998</v>
      </c>
      <c r="J31" s="12">
        <v>81537868.299999997</v>
      </c>
      <c r="K31" s="12">
        <v>81868726.719999999</v>
      </c>
      <c r="L31" s="12">
        <v>681447118.48000002</v>
      </c>
      <c r="M31" s="12">
        <v>136171982.56999999</v>
      </c>
      <c r="N31" s="12">
        <v>288801475.81999999</v>
      </c>
      <c r="O31" s="12">
        <v>1824869078.5</v>
      </c>
      <c r="P31" s="12">
        <v>1265602300</v>
      </c>
    </row>
    <row r="32" spans="1:16" x14ac:dyDescent="0.25">
      <c r="A32" s="2" t="s">
        <v>57</v>
      </c>
      <c r="B32" s="4" t="s">
        <v>300</v>
      </c>
      <c r="C32" s="12">
        <v>5923322.0099999998</v>
      </c>
      <c r="D32" s="12">
        <v>5459988.4100000001</v>
      </c>
      <c r="E32" s="12">
        <v>4917158.74</v>
      </c>
      <c r="F32" s="12">
        <v>7357046.9299999997</v>
      </c>
      <c r="G32" s="12">
        <v>9790998.0199999996</v>
      </c>
      <c r="H32" s="12">
        <v>6089630.5599999996</v>
      </c>
      <c r="I32" s="12">
        <v>10871633.310000001</v>
      </c>
      <c r="J32" s="12">
        <v>8288639.4299999997</v>
      </c>
      <c r="K32" s="12">
        <v>8878051.8800000008</v>
      </c>
      <c r="L32" s="12">
        <v>7737451.3399999999</v>
      </c>
      <c r="M32" s="12">
        <v>7256822.1500000004</v>
      </c>
      <c r="N32" s="12">
        <v>6655736.9800000004</v>
      </c>
      <c r="O32" s="12">
        <v>89226479.760000005</v>
      </c>
      <c r="P32" s="12">
        <v>60994900</v>
      </c>
    </row>
    <row r="33" spans="1:16" x14ac:dyDescent="0.25">
      <c r="A33" s="3" t="s">
        <v>59</v>
      </c>
      <c r="B33" s="5" t="s">
        <v>528</v>
      </c>
      <c r="C33" s="11">
        <v>609831467</v>
      </c>
      <c r="D33" s="11">
        <v>401472922.54000002</v>
      </c>
      <c r="E33" s="11">
        <v>424912473.44999999</v>
      </c>
      <c r="F33" s="11">
        <v>408771090.25999999</v>
      </c>
      <c r="G33" s="11">
        <v>394204306.04000002</v>
      </c>
      <c r="H33" s="11">
        <v>375802161.5</v>
      </c>
      <c r="I33" s="11">
        <v>414083907.75999999</v>
      </c>
      <c r="J33" s="11">
        <v>408511340.61000001</v>
      </c>
      <c r="K33" s="11">
        <v>400494170.35000002</v>
      </c>
      <c r="L33" s="11">
        <v>420599418.11000001</v>
      </c>
      <c r="M33" s="11">
        <v>410588644.30000001</v>
      </c>
      <c r="N33" s="11">
        <v>489987155.74000001</v>
      </c>
      <c r="O33" s="11">
        <v>5159259057.6599998</v>
      </c>
      <c r="P33" s="11">
        <v>5245210500</v>
      </c>
    </row>
    <row r="34" spans="1:16" x14ac:dyDescent="0.25">
      <c r="A34" s="2" t="s">
        <v>61</v>
      </c>
      <c r="B34" s="4" t="s">
        <v>529</v>
      </c>
      <c r="C34" s="12">
        <v>372869598.63</v>
      </c>
      <c r="D34" s="12">
        <v>220874178.19</v>
      </c>
      <c r="E34" s="12">
        <v>219514191.33000001</v>
      </c>
      <c r="F34" s="12">
        <v>224680727.99000001</v>
      </c>
      <c r="G34" s="12">
        <v>218500821.84</v>
      </c>
      <c r="H34" s="12">
        <v>208038120.71000001</v>
      </c>
      <c r="I34" s="12">
        <v>216610993.72999999</v>
      </c>
      <c r="J34" s="12">
        <v>216579510.46000001</v>
      </c>
      <c r="K34" s="12">
        <v>213725222.28999999</v>
      </c>
      <c r="L34" s="12">
        <v>213949936.03999999</v>
      </c>
      <c r="M34" s="12">
        <v>236191327.83000001</v>
      </c>
      <c r="N34" s="12">
        <v>251762552.22</v>
      </c>
      <c r="O34" s="12">
        <v>2813297181.2600002</v>
      </c>
      <c r="P34" s="12">
        <v>2752697800</v>
      </c>
    </row>
    <row r="35" spans="1:16" x14ac:dyDescent="0.25">
      <c r="A35" s="2" t="s">
        <v>63</v>
      </c>
      <c r="B35" s="4" t="s">
        <v>530</v>
      </c>
      <c r="C35" s="12">
        <v>68362440.730000004</v>
      </c>
      <c r="D35" s="12">
        <v>35713879.479999997</v>
      </c>
      <c r="E35" s="12">
        <v>67674724.230000004</v>
      </c>
      <c r="F35" s="12">
        <v>45908667.18</v>
      </c>
      <c r="G35" s="12">
        <v>33347952.16</v>
      </c>
      <c r="H35" s="12">
        <v>32600094.309999999</v>
      </c>
      <c r="I35" s="12">
        <v>60241342.340000004</v>
      </c>
      <c r="J35" s="12">
        <v>49013028.57</v>
      </c>
      <c r="K35" s="12">
        <v>47552279.020000003</v>
      </c>
      <c r="L35" s="12">
        <v>69263729.189999998</v>
      </c>
      <c r="M35" s="12">
        <v>13232148.25</v>
      </c>
      <c r="N35" s="12">
        <v>61886623.810000002</v>
      </c>
      <c r="O35" s="12">
        <v>584796909.26999998</v>
      </c>
      <c r="P35" s="12">
        <v>786529000</v>
      </c>
    </row>
    <row r="36" spans="1:16" x14ac:dyDescent="0.25">
      <c r="A36" s="2" t="s">
        <v>65</v>
      </c>
      <c r="B36" s="4" t="s">
        <v>531</v>
      </c>
      <c r="C36" s="12">
        <v>35453.519999999997</v>
      </c>
      <c r="D36" s="12">
        <v>25983</v>
      </c>
      <c r="E36" s="12">
        <v>0</v>
      </c>
      <c r="F36" s="12">
        <v>756087.32</v>
      </c>
      <c r="G36" s="12">
        <v>-356022.46</v>
      </c>
      <c r="H36" s="12">
        <v>89711.41</v>
      </c>
      <c r="I36" s="12">
        <v>113291.26</v>
      </c>
      <c r="J36" s="12">
        <v>222008.55</v>
      </c>
      <c r="K36" s="12">
        <v>245725.78</v>
      </c>
      <c r="L36" s="12">
        <v>27551.83</v>
      </c>
      <c r="M36" s="12">
        <v>87729.42</v>
      </c>
      <c r="N36" s="12">
        <v>137215.1</v>
      </c>
      <c r="O36" s="12">
        <v>1384734.73</v>
      </c>
      <c r="P36" s="12">
        <v>100000</v>
      </c>
    </row>
    <row r="37" spans="1:16" x14ac:dyDescent="0.25">
      <c r="A37" s="2" t="s">
        <v>67</v>
      </c>
      <c r="B37" s="4" t="s">
        <v>532</v>
      </c>
      <c r="C37" s="12">
        <v>168563974.12</v>
      </c>
      <c r="D37" s="12">
        <v>144858881.87</v>
      </c>
      <c r="E37" s="12">
        <v>137723557.88999999</v>
      </c>
      <c r="F37" s="12">
        <v>137425607.77000001</v>
      </c>
      <c r="G37" s="12">
        <v>142711554.5</v>
      </c>
      <c r="H37" s="12">
        <v>135074235.06999999</v>
      </c>
      <c r="I37" s="12">
        <v>137118280.43000001</v>
      </c>
      <c r="J37" s="12">
        <v>142696793.03</v>
      </c>
      <c r="K37" s="12">
        <v>138970943.25999999</v>
      </c>
      <c r="L37" s="12">
        <v>137358201.05000001</v>
      </c>
      <c r="M37" s="12">
        <v>161077438.80000001</v>
      </c>
      <c r="N37" s="12">
        <v>176200764.61000001</v>
      </c>
      <c r="O37" s="12">
        <v>1759780232.4000001</v>
      </c>
      <c r="P37" s="12">
        <v>1705883700</v>
      </c>
    </row>
    <row r="38" spans="1:16" x14ac:dyDescent="0.25">
      <c r="A38" s="3" t="s">
        <v>69</v>
      </c>
      <c r="B38" s="5" t="s">
        <v>533</v>
      </c>
      <c r="C38" s="11">
        <v>974495259.42999995</v>
      </c>
      <c r="D38" s="11">
        <v>890519821.34000003</v>
      </c>
      <c r="E38" s="11">
        <v>841988948.57000005</v>
      </c>
      <c r="F38" s="11">
        <v>886827366.66999996</v>
      </c>
      <c r="G38" s="11">
        <v>883359086.49000001</v>
      </c>
      <c r="H38" s="11">
        <v>1028928189.21</v>
      </c>
      <c r="I38" s="11">
        <v>923238062.22000003</v>
      </c>
      <c r="J38" s="11">
        <v>878264168.67999995</v>
      </c>
      <c r="K38" s="11">
        <v>871018245.99000001</v>
      </c>
      <c r="L38" s="11">
        <v>1462335188.97</v>
      </c>
      <c r="M38" s="11">
        <v>1014886530.37</v>
      </c>
      <c r="N38" s="11">
        <v>1356388621.6300001</v>
      </c>
      <c r="O38" s="11">
        <v>12012249489.57</v>
      </c>
      <c r="P38" s="11">
        <v>11543111306</v>
      </c>
    </row>
  </sheetData>
  <mergeCells count="11">
    <mergeCell ref="A9:P9"/>
    <mergeCell ref="A10:A11"/>
    <mergeCell ref="B10:B11"/>
    <mergeCell ref="C10:N10"/>
    <mergeCell ref="O10:O11"/>
    <mergeCell ref="P10:P11"/>
    <mergeCell ref="A3:P3"/>
    <mergeCell ref="A4:P4"/>
    <mergeCell ref="A5:P5"/>
    <mergeCell ref="A6:P6"/>
    <mergeCell ref="A7:P7"/>
  </mergeCell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J151"/>
  <sheetViews>
    <sheetView showGridLines="0" workbookViewId="0"/>
  </sheetViews>
  <sheetFormatPr defaultRowHeight="15" x14ac:dyDescent="0.25"/>
  <cols>
    <col min="1" max="1" width="3.7109375" bestFit="1" customWidth="1"/>
    <col min="2" max="2" width="50.140625" bestFit="1" customWidth="1"/>
    <col min="3" max="6" width="19.28515625" bestFit="1" customWidth="1"/>
    <col min="7" max="8" width="19.140625" bestFit="1" customWidth="1"/>
    <col min="9" max="9" width="16.85546875" bestFit="1" customWidth="1"/>
    <col min="10" max="10" width="17.42578125" bestFit="1" customWidth="1"/>
  </cols>
  <sheetData>
    <row r="3" spans="1:10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</row>
    <row r="4" spans="1:10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</row>
    <row r="5" spans="1:10" x14ac:dyDescent="0.25">
      <c r="A5" s="8" t="s">
        <v>534</v>
      </c>
      <c r="B5" s="7"/>
      <c r="C5" s="7"/>
      <c r="D5" s="7"/>
      <c r="E5" s="7"/>
      <c r="F5" s="7"/>
      <c r="G5" s="7"/>
      <c r="H5" s="7"/>
      <c r="I5" s="7"/>
      <c r="J5" s="7"/>
    </row>
    <row r="6" spans="1:10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</row>
    <row r="7" spans="1:10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</row>
    <row r="9" spans="1:10" x14ac:dyDescent="0.25">
      <c r="A9" s="9" t="s">
        <v>535</v>
      </c>
      <c r="B9" s="7"/>
      <c r="C9" s="7"/>
      <c r="D9" s="7"/>
      <c r="E9" s="7"/>
      <c r="F9" s="7"/>
      <c r="G9" s="7"/>
      <c r="H9" s="7"/>
      <c r="I9" s="7"/>
      <c r="J9" s="7"/>
    </row>
    <row r="10" spans="1:10" x14ac:dyDescent="0.25">
      <c r="A10" s="10" t="s">
        <v>6</v>
      </c>
      <c r="B10" s="10" t="s">
        <v>536</v>
      </c>
      <c r="C10" s="10" t="s">
        <v>9</v>
      </c>
      <c r="D10" s="10" t="s">
        <v>537</v>
      </c>
      <c r="E10" s="10" t="s">
        <v>11</v>
      </c>
      <c r="F10" s="10" t="s">
        <v>11</v>
      </c>
    </row>
    <row r="11" spans="1:10" ht="21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" t="s">
        <v>538</v>
      </c>
      <c r="F11" s="1" t="s">
        <v>539</v>
      </c>
    </row>
    <row r="12" spans="1:10" x14ac:dyDescent="0.25">
      <c r="A12" s="3" t="s">
        <v>17</v>
      </c>
      <c r="B12" s="5" t="s">
        <v>514</v>
      </c>
      <c r="C12" s="11">
        <v>2040298300</v>
      </c>
      <c r="D12" s="11">
        <v>3336932300</v>
      </c>
      <c r="E12" s="11">
        <v>2807634548.4400001</v>
      </c>
      <c r="F12" s="11">
        <v>2922474529.1599998</v>
      </c>
    </row>
    <row r="13" spans="1:10" x14ac:dyDescent="0.25">
      <c r="A13" s="3" t="s">
        <v>19</v>
      </c>
      <c r="B13" s="5" t="s">
        <v>540</v>
      </c>
      <c r="C13" s="11">
        <v>675109000</v>
      </c>
      <c r="D13" s="11">
        <v>786529000</v>
      </c>
      <c r="E13" s="11">
        <v>584796909.26999998</v>
      </c>
      <c r="F13" s="11">
        <v>629382136.95000005</v>
      </c>
    </row>
    <row r="14" spans="1:10" x14ac:dyDescent="0.25">
      <c r="A14" s="3" t="s">
        <v>21</v>
      </c>
      <c r="B14" s="5" t="s">
        <v>541</v>
      </c>
      <c r="C14" s="11">
        <v>565853000</v>
      </c>
      <c r="D14" s="11">
        <v>677273000</v>
      </c>
      <c r="E14" s="11">
        <v>508910102.55000001</v>
      </c>
      <c r="F14" s="11">
        <v>542083196.69000006</v>
      </c>
    </row>
    <row r="15" spans="1:10" x14ac:dyDescent="0.25">
      <c r="A15" s="2" t="s">
        <v>23</v>
      </c>
      <c r="B15" s="4" t="s">
        <v>542</v>
      </c>
      <c r="C15" s="12">
        <v>416754700</v>
      </c>
      <c r="D15" s="12">
        <v>430440700</v>
      </c>
      <c r="E15" s="12">
        <v>333931689.88999999</v>
      </c>
      <c r="F15" s="12">
        <v>337124896.69999999</v>
      </c>
    </row>
    <row r="16" spans="1:10" x14ac:dyDescent="0.25">
      <c r="A16" s="2" t="s">
        <v>25</v>
      </c>
      <c r="B16" s="4" t="s">
        <v>543</v>
      </c>
      <c r="C16" s="12">
        <v>125747200</v>
      </c>
      <c r="D16" s="12">
        <v>217141200</v>
      </c>
      <c r="E16" s="12">
        <v>151635044.66</v>
      </c>
      <c r="F16" s="12">
        <v>178687987.18000001</v>
      </c>
    </row>
    <row r="17" spans="1:6" x14ac:dyDescent="0.25">
      <c r="A17" s="2" t="s">
        <v>27</v>
      </c>
      <c r="B17" s="4" t="s">
        <v>544</v>
      </c>
      <c r="C17" s="12">
        <v>23351100</v>
      </c>
      <c r="D17" s="12">
        <v>29691100</v>
      </c>
      <c r="E17" s="12">
        <v>23343368</v>
      </c>
      <c r="F17" s="12">
        <v>26270312.809999999</v>
      </c>
    </row>
    <row r="18" spans="1:6" x14ac:dyDescent="0.25">
      <c r="A18" s="3" t="s">
        <v>29</v>
      </c>
      <c r="B18" s="5" t="s">
        <v>545</v>
      </c>
      <c r="C18" s="11">
        <v>109256000</v>
      </c>
      <c r="D18" s="11">
        <v>109256000</v>
      </c>
      <c r="E18" s="11">
        <v>75886806.719999999</v>
      </c>
      <c r="F18" s="11">
        <v>87298940.260000005</v>
      </c>
    </row>
    <row r="19" spans="1:6" x14ac:dyDescent="0.25">
      <c r="A19" s="2" t="s">
        <v>31</v>
      </c>
      <c r="B19" s="4" t="s">
        <v>542</v>
      </c>
      <c r="C19" s="12">
        <v>83972400</v>
      </c>
      <c r="D19" s="12">
        <v>83972400</v>
      </c>
      <c r="E19" s="12">
        <v>51938493.829999998</v>
      </c>
      <c r="F19" s="12">
        <v>66556556.18</v>
      </c>
    </row>
    <row r="20" spans="1:6" x14ac:dyDescent="0.25">
      <c r="A20" s="2" t="s">
        <v>33</v>
      </c>
      <c r="B20" s="4" t="s">
        <v>543</v>
      </c>
      <c r="C20" s="12">
        <v>23897500</v>
      </c>
      <c r="D20" s="12">
        <v>23897500</v>
      </c>
      <c r="E20" s="12">
        <v>22644023.010000002</v>
      </c>
      <c r="F20" s="12">
        <v>19628707.600000001</v>
      </c>
    </row>
    <row r="21" spans="1:6" x14ac:dyDescent="0.25">
      <c r="A21" s="2" t="s">
        <v>35</v>
      </c>
      <c r="B21" s="4" t="s">
        <v>544</v>
      </c>
      <c r="C21" s="12">
        <v>1386100</v>
      </c>
      <c r="D21" s="12">
        <v>1386100</v>
      </c>
      <c r="E21" s="12">
        <v>1304289.8799999999</v>
      </c>
      <c r="F21" s="12">
        <v>1113676.48</v>
      </c>
    </row>
    <row r="22" spans="1:6" x14ac:dyDescent="0.25">
      <c r="A22" s="3" t="s">
        <v>37</v>
      </c>
      <c r="B22" s="5" t="s">
        <v>546</v>
      </c>
      <c r="C22" s="11">
        <v>931125100</v>
      </c>
      <c r="D22" s="11">
        <v>1953929600</v>
      </c>
      <c r="E22" s="11">
        <v>1481785385.9300001</v>
      </c>
      <c r="F22" s="11">
        <v>1547124579.53</v>
      </c>
    </row>
    <row r="23" spans="1:6" x14ac:dyDescent="0.25">
      <c r="A23" s="3" t="s">
        <v>39</v>
      </c>
      <c r="B23" s="5" t="s">
        <v>541</v>
      </c>
      <c r="C23" s="11">
        <v>772119300</v>
      </c>
      <c r="D23" s="11">
        <v>1460838800</v>
      </c>
      <c r="E23" s="11">
        <v>1239326830.8599999</v>
      </c>
      <c r="F23" s="11">
        <v>1281770246.72</v>
      </c>
    </row>
    <row r="24" spans="1:6" x14ac:dyDescent="0.25">
      <c r="A24" s="2" t="s">
        <v>41</v>
      </c>
      <c r="B24" s="4" t="s">
        <v>542</v>
      </c>
      <c r="C24" s="12">
        <v>418625500</v>
      </c>
      <c r="D24" s="12">
        <v>826449600</v>
      </c>
      <c r="E24" s="12">
        <v>690012915.60000002</v>
      </c>
      <c r="F24" s="12">
        <v>752207806.04999995</v>
      </c>
    </row>
    <row r="25" spans="1:6" x14ac:dyDescent="0.25">
      <c r="A25" s="2" t="s">
        <v>43</v>
      </c>
      <c r="B25" s="4" t="s">
        <v>543</v>
      </c>
      <c r="C25" s="12">
        <v>306598900</v>
      </c>
      <c r="D25" s="12">
        <v>532114300</v>
      </c>
      <c r="E25" s="12">
        <v>483515646.55000001</v>
      </c>
      <c r="F25" s="12">
        <v>458351183.95999998</v>
      </c>
    </row>
    <row r="26" spans="1:6" x14ac:dyDescent="0.25">
      <c r="A26" s="2" t="s">
        <v>45</v>
      </c>
      <c r="B26" s="4" t="s">
        <v>544</v>
      </c>
      <c r="C26" s="12">
        <v>46894900</v>
      </c>
      <c r="D26" s="12">
        <v>102274900</v>
      </c>
      <c r="E26" s="12">
        <v>65798268.710000001</v>
      </c>
      <c r="F26" s="12">
        <v>71211256.709999993</v>
      </c>
    </row>
    <row r="27" spans="1:6" x14ac:dyDescent="0.25">
      <c r="A27" s="3" t="s">
        <v>47</v>
      </c>
      <c r="B27" s="5" t="s">
        <v>545</v>
      </c>
      <c r="C27" s="11">
        <v>159005800</v>
      </c>
      <c r="D27" s="11">
        <v>493090800</v>
      </c>
      <c r="E27" s="11">
        <v>242458555.06999999</v>
      </c>
      <c r="F27" s="11">
        <v>265354332.81</v>
      </c>
    </row>
    <row r="28" spans="1:6" x14ac:dyDescent="0.25">
      <c r="A28" s="2" t="s">
        <v>49</v>
      </c>
      <c r="B28" s="4" t="s">
        <v>542</v>
      </c>
      <c r="C28" s="12">
        <v>84344800</v>
      </c>
      <c r="D28" s="12">
        <v>248344800</v>
      </c>
      <c r="E28" s="12">
        <v>121365839.37</v>
      </c>
      <c r="F28" s="12">
        <v>143399995.55000001</v>
      </c>
    </row>
    <row r="29" spans="1:6" x14ac:dyDescent="0.25">
      <c r="A29" s="2" t="s">
        <v>51</v>
      </c>
      <c r="B29" s="4" t="s">
        <v>543</v>
      </c>
      <c r="C29" s="12">
        <v>65605000</v>
      </c>
      <c r="D29" s="12">
        <v>210605000</v>
      </c>
      <c r="E29" s="12">
        <v>106913905.06</v>
      </c>
      <c r="F29" s="12">
        <v>107283025.40000001</v>
      </c>
    </row>
    <row r="30" spans="1:6" x14ac:dyDescent="0.25">
      <c r="A30" s="2" t="s">
        <v>53</v>
      </c>
      <c r="B30" s="4" t="s">
        <v>544</v>
      </c>
      <c r="C30" s="12">
        <v>9056000</v>
      </c>
      <c r="D30" s="12">
        <v>34141000</v>
      </c>
      <c r="E30" s="12">
        <v>14178810.640000001</v>
      </c>
      <c r="F30" s="12">
        <v>14671311.859999999</v>
      </c>
    </row>
    <row r="31" spans="1:6" x14ac:dyDescent="0.25">
      <c r="A31" s="3" t="s">
        <v>55</v>
      </c>
      <c r="B31" s="5" t="s">
        <v>547</v>
      </c>
      <c r="C31" s="11">
        <v>9328800</v>
      </c>
      <c r="D31" s="11">
        <v>9328800</v>
      </c>
      <c r="E31" s="11">
        <v>572559.85</v>
      </c>
      <c r="F31" s="11">
        <v>4311303.92</v>
      </c>
    </row>
    <row r="32" spans="1:6" x14ac:dyDescent="0.25">
      <c r="A32" s="2" t="s">
        <v>57</v>
      </c>
      <c r="B32" s="4" t="s">
        <v>548</v>
      </c>
      <c r="C32" s="12">
        <v>0</v>
      </c>
      <c r="D32" s="12">
        <v>0</v>
      </c>
      <c r="E32" s="12">
        <v>0</v>
      </c>
      <c r="F32" s="12">
        <v>1954</v>
      </c>
    </row>
    <row r="33" spans="1:10" x14ac:dyDescent="0.25">
      <c r="A33" s="2" t="s">
        <v>59</v>
      </c>
      <c r="B33" s="4" t="s">
        <v>549</v>
      </c>
      <c r="C33" s="12">
        <v>9328800</v>
      </c>
      <c r="D33" s="12">
        <v>9328800</v>
      </c>
      <c r="E33" s="12">
        <v>572559.85</v>
      </c>
      <c r="F33" s="12">
        <v>4309349.92</v>
      </c>
    </row>
    <row r="34" spans="1:10" x14ac:dyDescent="0.25">
      <c r="A34" s="2" t="s">
        <v>61</v>
      </c>
      <c r="B34" s="4" t="s">
        <v>550</v>
      </c>
      <c r="C34" s="12">
        <v>0</v>
      </c>
      <c r="D34" s="12">
        <v>0</v>
      </c>
      <c r="E34" s="12">
        <v>0</v>
      </c>
      <c r="F34" s="12">
        <v>0</v>
      </c>
    </row>
    <row r="35" spans="1:10" x14ac:dyDescent="0.25">
      <c r="A35" s="2" t="s">
        <v>63</v>
      </c>
      <c r="B35" s="4" t="s">
        <v>551</v>
      </c>
      <c r="C35" s="12">
        <v>0</v>
      </c>
      <c r="D35" s="12">
        <v>0</v>
      </c>
      <c r="E35" s="12">
        <v>0</v>
      </c>
      <c r="F35" s="12">
        <v>0</v>
      </c>
    </row>
    <row r="36" spans="1:10" x14ac:dyDescent="0.25">
      <c r="A36" s="3" t="s">
        <v>65</v>
      </c>
      <c r="B36" s="5" t="s">
        <v>552</v>
      </c>
      <c r="C36" s="11">
        <v>424735400</v>
      </c>
      <c r="D36" s="11">
        <v>587144900</v>
      </c>
      <c r="E36" s="11">
        <v>740479693.38999999</v>
      </c>
      <c r="F36" s="11">
        <v>741656508.75999999</v>
      </c>
    </row>
    <row r="37" spans="1:10" x14ac:dyDescent="0.25">
      <c r="A37" s="2" t="s">
        <v>67</v>
      </c>
      <c r="B37" s="4" t="s">
        <v>553</v>
      </c>
      <c r="C37" s="12">
        <v>0</v>
      </c>
      <c r="D37" s="12">
        <v>100000</v>
      </c>
      <c r="E37" s="12">
        <v>61436.52</v>
      </c>
      <c r="F37" s="12">
        <v>15514158.859999999</v>
      </c>
    </row>
    <row r="38" spans="1:10" x14ac:dyDescent="0.25">
      <c r="A38" s="2" t="s">
        <v>69</v>
      </c>
      <c r="B38" s="4" t="s">
        <v>554</v>
      </c>
      <c r="C38" s="12">
        <v>424735400</v>
      </c>
      <c r="D38" s="12">
        <v>585395900</v>
      </c>
      <c r="E38" s="12">
        <v>739743969.80999994</v>
      </c>
      <c r="F38" s="12">
        <v>719848488.63</v>
      </c>
    </row>
    <row r="39" spans="1:10" x14ac:dyDescent="0.25">
      <c r="A39" s="2" t="s">
        <v>71</v>
      </c>
      <c r="B39" s="4" t="s">
        <v>555</v>
      </c>
      <c r="C39" s="12">
        <v>0</v>
      </c>
      <c r="D39" s="12">
        <v>1649000</v>
      </c>
      <c r="E39" s="12">
        <v>674287.06</v>
      </c>
      <c r="F39" s="12">
        <v>6293861.2699999996</v>
      </c>
    </row>
    <row r="40" spans="1:10" x14ac:dyDescent="0.25">
      <c r="A40" s="3" t="s">
        <v>73</v>
      </c>
      <c r="B40" s="5" t="s">
        <v>556</v>
      </c>
      <c r="C40" s="11">
        <v>0</v>
      </c>
      <c r="D40" s="11">
        <v>0</v>
      </c>
      <c r="E40" s="11">
        <v>0</v>
      </c>
      <c r="F40" s="11">
        <v>0</v>
      </c>
    </row>
    <row r="41" spans="1:10" x14ac:dyDescent="0.25">
      <c r="A41" s="2" t="s">
        <v>75</v>
      </c>
      <c r="B41" s="4" t="s">
        <v>557</v>
      </c>
      <c r="C41" s="12">
        <v>0</v>
      </c>
      <c r="D41" s="12">
        <v>0</v>
      </c>
      <c r="E41" s="12">
        <v>0</v>
      </c>
      <c r="F41" s="12">
        <v>0</v>
      </c>
    </row>
    <row r="42" spans="1:10" x14ac:dyDescent="0.25">
      <c r="A42" s="2" t="s">
        <v>77</v>
      </c>
      <c r="B42" s="4" t="s">
        <v>558</v>
      </c>
      <c r="C42" s="12">
        <v>0</v>
      </c>
      <c r="D42" s="12">
        <v>0</v>
      </c>
      <c r="E42" s="12">
        <v>0</v>
      </c>
      <c r="F42" s="12">
        <v>0</v>
      </c>
    </row>
    <row r="43" spans="1:10" x14ac:dyDescent="0.25">
      <c r="A43" s="2" t="s">
        <v>79</v>
      </c>
      <c r="B43" s="4" t="s">
        <v>559</v>
      </c>
      <c r="C43" s="12">
        <v>0</v>
      </c>
      <c r="D43" s="12">
        <v>0</v>
      </c>
      <c r="E43" s="12">
        <v>0</v>
      </c>
      <c r="F43" s="12">
        <v>0</v>
      </c>
    </row>
    <row r="44" spans="1:10" x14ac:dyDescent="0.25">
      <c r="A44" s="2" t="s">
        <v>81</v>
      </c>
      <c r="B44" s="4" t="s">
        <v>560</v>
      </c>
      <c r="C44" s="12">
        <v>1615562900</v>
      </c>
      <c r="D44" s="12">
        <v>2751536400</v>
      </c>
      <c r="E44" s="12">
        <v>2067890578.6300001</v>
      </c>
      <c r="F44" s="12">
        <v>2202626040.5300002</v>
      </c>
    </row>
    <row r="46" spans="1:10" x14ac:dyDescent="0.25">
      <c r="A46" s="10" t="s">
        <v>6</v>
      </c>
      <c r="B46" s="10" t="s">
        <v>561</v>
      </c>
      <c r="C46" s="10" t="s">
        <v>371</v>
      </c>
      <c r="D46" s="10" t="s">
        <v>562</v>
      </c>
      <c r="E46" s="10" t="s">
        <v>168</v>
      </c>
      <c r="F46" s="10" t="s">
        <v>7</v>
      </c>
      <c r="G46" s="10" t="s">
        <v>172</v>
      </c>
      <c r="H46" s="10" t="s">
        <v>7</v>
      </c>
      <c r="I46" s="10" t="s">
        <v>563</v>
      </c>
      <c r="J46" s="10" t="s">
        <v>563</v>
      </c>
    </row>
    <row r="47" spans="1:10" ht="21" x14ac:dyDescent="0.25">
      <c r="A47" s="10" t="s">
        <v>7</v>
      </c>
      <c r="B47" s="10" t="s">
        <v>7</v>
      </c>
      <c r="C47" s="10" t="s">
        <v>7</v>
      </c>
      <c r="D47" s="10" t="s">
        <v>7</v>
      </c>
      <c r="E47" s="1" t="s">
        <v>538</v>
      </c>
      <c r="F47" s="1" t="s">
        <v>539</v>
      </c>
      <c r="G47" s="1" t="s">
        <v>538</v>
      </c>
      <c r="H47" s="1" t="s">
        <v>539</v>
      </c>
      <c r="I47" s="1" t="s">
        <v>564</v>
      </c>
      <c r="J47" s="1" t="s">
        <v>565</v>
      </c>
    </row>
    <row r="48" spans="1:10" x14ac:dyDescent="0.25">
      <c r="A48" s="3" t="s">
        <v>83</v>
      </c>
      <c r="B48" s="5" t="s">
        <v>566</v>
      </c>
      <c r="C48" s="11">
        <v>40168800</v>
      </c>
      <c r="D48" s="11">
        <v>11097591.16</v>
      </c>
      <c r="E48" s="11">
        <v>7062569.8099999996</v>
      </c>
      <c r="F48" s="11">
        <v>9043508.7200000007</v>
      </c>
      <c r="G48" s="11">
        <v>6224915.5700000003</v>
      </c>
      <c r="H48" s="11">
        <v>8852051.7699999996</v>
      </c>
      <c r="I48" s="11">
        <v>837654.24</v>
      </c>
      <c r="J48" s="11">
        <v>191456.95</v>
      </c>
    </row>
    <row r="49" spans="1:10" x14ac:dyDescent="0.25">
      <c r="A49" s="2" t="s">
        <v>85</v>
      </c>
      <c r="B49" s="4" t="s">
        <v>567</v>
      </c>
      <c r="C49" s="12">
        <v>32380800</v>
      </c>
      <c r="D49" s="12">
        <v>9697591.1600000001</v>
      </c>
      <c r="E49" s="12">
        <v>7062569.8099999996</v>
      </c>
      <c r="F49" s="12">
        <v>9043508.7200000007</v>
      </c>
      <c r="G49" s="12">
        <v>6224915.5700000003</v>
      </c>
      <c r="H49" s="12">
        <v>8852051.7699999996</v>
      </c>
      <c r="I49" s="12">
        <v>837654.24</v>
      </c>
      <c r="J49" s="12">
        <v>191456.95</v>
      </c>
    </row>
    <row r="50" spans="1:10" x14ac:dyDescent="0.25">
      <c r="A50" s="2" t="s">
        <v>87</v>
      </c>
      <c r="B50" s="4" t="s">
        <v>568</v>
      </c>
      <c r="C50" s="12">
        <v>7788000</v>
      </c>
      <c r="D50" s="12">
        <v>1400000</v>
      </c>
      <c r="E50" s="12">
        <v>0</v>
      </c>
      <c r="F50" s="12">
        <v>0</v>
      </c>
      <c r="G50" s="12">
        <v>0</v>
      </c>
      <c r="H50" s="12">
        <v>0</v>
      </c>
      <c r="I50" s="12">
        <v>0</v>
      </c>
      <c r="J50" s="12">
        <v>0</v>
      </c>
    </row>
    <row r="51" spans="1:10" x14ac:dyDescent="0.25">
      <c r="A51" s="3" t="s">
        <v>89</v>
      </c>
      <c r="B51" s="5" t="s">
        <v>569</v>
      </c>
      <c r="C51" s="11">
        <v>2000129500</v>
      </c>
      <c r="D51" s="11">
        <v>3357044275.9000001</v>
      </c>
      <c r="E51" s="11">
        <v>3276303197.4299998</v>
      </c>
      <c r="F51" s="11">
        <v>3077503351.48</v>
      </c>
      <c r="G51" s="11">
        <v>3276290417.8800001</v>
      </c>
      <c r="H51" s="11">
        <v>2819361977.8699999</v>
      </c>
      <c r="I51" s="11">
        <v>12779.55</v>
      </c>
      <c r="J51" s="11">
        <v>258141373.61000001</v>
      </c>
    </row>
    <row r="52" spans="1:10" x14ac:dyDescent="0.25">
      <c r="A52" s="3" t="s">
        <v>91</v>
      </c>
      <c r="B52" s="5" t="s">
        <v>570</v>
      </c>
      <c r="C52" s="11">
        <v>1816844300</v>
      </c>
      <c r="D52" s="11">
        <v>2854868056.27</v>
      </c>
      <c r="E52" s="11">
        <v>2780966521.8299999</v>
      </c>
      <c r="F52" s="11">
        <v>2582098666.9299998</v>
      </c>
      <c r="G52" s="11">
        <v>2780953742.2800002</v>
      </c>
      <c r="H52" s="11">
        <v>2364094907.5900002</v>
      </c>
      <c r="I52" s="11">
        <v>12779.55</v>
      </c>
      <c r="J52" s="11">
        <v>218003759.34</v>
      </c>
    </row>
    <row r="53" spans="1:10" x14ac:dyDescent="0.25">
      <c r="A53" s="2" t="s">
        <v>93</v>
      </c>
      <c r="B53" s="4" t="s">
        <v>571</v>
      </c>
      <c r="C53" s="12">
        <v>1613472700</v>
      </c>
      <c r="D53" s="12">
        <v>2470565301.1100001</v>
      </c>
      <c r="E53" s="12">
        <v>2404991749.7399998</v>
      </c>
      <c r="F53" s="12">
        <v>2223298344.27</v>
      </c>
      <c r="G53" s="12">
        <v>2404991749.7399998</v>
      </c>
      <c r="H53" s="12">
        <v>2033114155.54</v>
      </c>
      <c r="I53" s="12">
        <v>0</v>
      </c>
      <c r="J53" s="12">
        <v>190184188.72999999</v>
      </c>
    </row>
    <row r="54" spans="1:10" x14ac:dyDescent="0.25">
      <c r="A54" s="2" t="s">
        <v>95</v>
      </c>
      <c r="B54" s="4" t="s">
        <v>572</v>
      </c>
      <c r="C54" s="12">
        <v>110540000</v>
      </c>
      <c r="D54" s="12">
        <v>359051728.99000001</v>
      </c>
      <c r="E54" s="12">
        <v>353373278.79000002</v>
      </c>
      <c r="F54" s="12">
        <v>338134750.83999997</v>
      </c>
      <c r="G54" s="12">
        <v>353373278.79000002</v>
      </c>
      <c r="H54" s="12">
        <v>310675040.89999998</v>
      </c>
      <c r="I54" s="12">
        <v>0</v>
      </c>
      <c r="J54" s="12">
        <v>27459709.940000001</v>
      </c>
    </row>
    <row r="55" spans="1:10" x14ac:dyDescent="0.25">
      <c r="A55" s="2" t="s">
        <v>97</v>
      </c>
      <c r="B55" s="4" t="s">
        <v>573</v>
      </c>
      <c r="C55" s="12">
        <v>92831600</v>
      </c>
      <c r="D55" s="12">
        <v>25251026.170000002</v>
      </c>
      <c r="E55" s="12">
        <v>22601493.300000001</v>
      </c>
      <c r="F55" s="12">
        <v>20665571.82</v>
      </c>
      <c r="G55" s="12">
        <v>22588713.75</v>
      </c>
      <c r="H55" s="12">
        <v>20305711.149999999</v>
      </c>
      <c r="I55" s="12">
        <v>12779.55</v>
      </c>
      <c r="J55" s="12">
        <v>359860.67</v>
      </c>
    </row>
    <row r="56" spans="1:10" x14ac:dyDescent="0.25">
      <c r="A56" s="3" t="s">
        <v>99</v>
      </c>
      <c r="B56" s="5" t="s">
        <v>574</v>
      </c>
      <c r="C56" s="11">
        <v>180885200</v>
      </c>
      <c r="D56" s="11">
        <v>500276219.63</v>
      </c>
      <c r="E56" s="11">
        <v>494704607.69</v>
      </c>
      <c r="F56" s="11">
        <v>491754534.64999998</v>
      </c>
      <c r="G56" s="11">
        <v>494704607.69</v>
      </c>
      <c r="H56" s="11">
        <v>451616920.38</v>
      </c>
      <c r="I56" s="11">
        <v>0</v>
      </c>
      <c r="J56" s="11">
        <v>40137614.270000003</v>
      </c>
    </row>
    <row r="57" spans="1:10" x14ac:dyDescent="0.25">
      <c r="A57" s="2" t="s">
        <v>101</v>
      </c>
      <c r="B57" s="4" t="s">
        <v>575</v>
      </c>
      <c r="C57" s="12">
        <v>154600000</v>
      </c>
      <c r="D57" s="12">
        <v>435948621.79000002</v>
      </c>
      <c r="E57" s="12">
        <v>431008780.24000001</v>
      </c>
      <c r="F57" s="12">
        <v>431656587.70999998</v>
      </c>
      <c r="G57" s="12">
        <v>431008780.24000001</v>
      </c>
      <c r="H57" s="12">
        <v>396247973.44</v>
      </c>
      <c r="I57" s="12">
        <v>0</v>
      </c>
      <c r="J57" s="12">
        <v>35408614.270000003</v>
      </c>
    </row>
    <row r="58" spans="1:10" x14ac:dyDescent="0.25">
      <c r="A58" s="2" t="s">
        <v>103</v>
      </c>
      <c r="B58" s="4" t="s">
        <v>572</v>
      </c>
      <c r="C58" s="12">
        <v>26219200</v>
      </c>
      <c r="D58" s="12">
        <v>63166732.399999999</v>
      </c>
      <c r="E58" s="12">
        <v>62611467.609999999</v>
      </c>
      <c r="F58" s="12">
        <v>58824599.799999997</v>
      </c>
      <c r="G58" s="12">
        <v>62611467.609999999</v>
      </c>
      <c r="H58" s="12">
        <v>54095599.799999997</v>
      </c>
      <c r="I58" s="12">
        <v>0</v>
      </c>
      <c r="J58" s="12">
        <v>4729000</v>
      </c>
    </row>
    <row r="59" spans="1:10" x14ac:dyDescent="0.25">
      <c r="A59" s="2" t="s">
        <v>105</v>
      </c>
      <c r="B59" s="4" t="s">
        <v>573</v>
      </c>
      <c r="C59" s="12">
        <v>66000</v>
      </c>
      <c r="D59" s="12">
        <v>1160865.44</v>
      </c>
      <c r="E59" s="12">
        <v>1084359.8400000001</v>
      </c>
      <c r="F59" s="12">
        <v>1273347.1399999999</v>
      </c>
      <c r="G59" s="12">
        <v>1084359.8400000001</v>
      </c>
      <c r="H59" s="12">
        <v>1273347.1399999999</v>
      </c>
      <c r="I59" s="12">
        <v>0</v>
      </c>
      <c r="J59" s="12">
        <v>0</v>
      </c>
    </row>
    <row r="60" spans="1:10" x14ac:dyDescent="0.25">
      <c r="A60" s="3" t="s">
        <v>107</v>
      </c>
      <c r="B60" s="5" t="s">
        <v>576</v>
      </c>
      <c r="C60" s="11">
        <v>2400000</v>
      </c>
      <c r="D60" s="11">
        <v>1900000</v>
      </c>
      <c r="E60" s="11">
        <v>632067.91</v>
      </c>
      <c r="F60" s="11">
        <v>3650149.9</v>
      </c>
      <c r="G60" s="11">
        <v>632067.91</v>
      </c>
      <c r="H60" s="11">
        <v>3650149.9</v>
      </c>
      <c r="I60" s="11">
        <v>0</v>
      </c>
      <c r="J60" s="11">
        <v>0</v>
      </c>
    </row>
    <row r="61" spans="1:10" x14ac:dyDescent="0.25">
      <c r="A61" s="2" t="s">
        <v>109</v>
      </c>
      <c r="B61" s="4" t="s">
        <v>577</v>
      </c>
      <c r="C61" s="12">
        <v>2400000</v>
      </c>
      <c r="D61" s="12">
        <v>1900000</v>
      </c>
      <c r="E61" s="12">
        <v>632067.91</v>
      </c>
      <c r="F61" s="12">
        <v>3650149.9</v>
      </c>
      <c r="G61" s="12">
        <v>632067.91</v>
      </c>
      <c r="H61" s="12">
        <v>3650149.9</v>
      </c>
      <c r="I61" s="12">
        <v>0</v>
      </c>
      <c r="J61" s="12">
        <v>0</v>
      </c>
    </row>
    <row r="62" spans="1:10" x14ac:dyDescent="0.25">
      <c r="A62" s="2" t="s">
        <v>111</v>
      </c>
      <c r="B62" s="4" t="s">
        <v>578</v>
      </c>
      <c r="C62" s="12">
        <v>0</v>
      </c>
      <c r="D62" s="12">
        <v>0</v>
      </c>
      <c r="E62" s="12">
        <v>0</v>
      </c>
      <c r="F62" s="12">
        <v>0</v>
      </c>
      <c r="G62" s="12">
        <v>0</v>
      </c>
      <c r="H62" s="12">
        <v>0</v>
      </c>
      <c r="I62" s="12">
        <v>0</v>
      </c>
      <c r="J62" s="12">
        <v>0</v>
      </c>
    </row>
    <row r="63" spans="1:10" x14ac:dyDescent="0.25">
      <c r="A63" s="3" t="s">
        <v>113</v>
      </c>
      <c r="B63" s="5" t="s">
        <v>579</v>
      </c>
      <c r="C63" s="11">
        <v>2040298300</v>
      </c>
      <c r="D63" s="11">
        <v>3368141867.0599999</v>
      </c>
      <c r="E63" s="11">
        <v>3283365767.2399998</v>
      </c>
      <c r="F63" s="11">
        <v>3086546860.1999998</v>
      </c>
      <c r="G63" s="11">
        <v>3282515333.4499998</v>
      </c>
      <c r="H63" s="11">
        <v>2828214029.6399999</v>
      </c>
      <c r="I63" s="11">
        <v>850433.79</v>
      </c>
      <c r="J63" s="11">
        <v>258332830.56</v>
      </c>
    </row>
    <row r="65" spans="1:10" x14ac:dyDescent="0.25">
      <c r="A65" s="10" t="s">
        <v>6</v>
      </c>
      <c r="B65" s="10" t="s">
        <v>580</v>
      </c>
      <c r="C65" s="10" t="s">
        <v>371</v>
      </c>
      <c r="D65" s="10" t="s">
        <v>562</v>
      </c>
      <c r="E65" s="10" t="s">
        <v>168</v>
      </c>
      <c r="F65" s="10" t="s">
        <v>7</v>
      </c>
      <c r="G65" s="10" t="s">
        <v>172</v>
      </c>
      <c r="H65" s="10" t="s">
        <v>7</v>
      </c>
      <c r="I65" s="10" t="s">
        <v>563</v>
      </c>
      <c r="J65" s="10" t="s">
        <v>563</v>
      </c>
    </row>
    <row r="66" spans="1:10" ht="21" x14ac:dyDescent="0.25">
      <c r="A66" s="10" t="s">
        <v>7</v>
      </c>
      <c r="B66" s="10" t="s">
        <v>7</v>
      </c>
      <c r="C66" s="10" t="s">
        <v>7</v>
      </c>
      <c r="D66" s="10" t="s">
        <v>7</v>
      </c>
      <c r="E66" s="1" t="s">
        <v>538</v>
      </c>
      <c r="F66" s="1" t="s">
        <v>539</v>
      </c>
      <c r="G66" s="1" t="s">
        <v>538</v>
      </c>
      <c r="H66" s="1" t="s">
        <v>539</v>
      </c>
      <c r="I66" s="1" t="s">
        <v>564</v>
      </c>
      <c r="J66" s="1" t="s">
        <v>565</v>
      </c>
    </row>
    <row r="67" spans="1:10" x14ac:dyDescent="0.25">
      <c r="A67" s="2" t="s">
        <v>115</v>
      </c>
      <c r="B67" s="4" t="s">
        <v>581</v>
      </c>
      <c r="C67" s="12">
        <v>-424735400</v>
      </c>
      <c r="D67" s="12">
        <v>-616605467.05999994</v>
      </c>
      <c r="E67" s="12">
        <v>-1215475188.6099999</v>
      </c>
      <c r="F67" s="12">
        <v>-883920819.66999996</v>
      </c>
      <c r="G67" s="12">
        <v>-1214624754.8199999</v>
      </c>
      <c r="H67" s="12">
        <v>-625587989.11000001</v>
      </c>
      <c r="I67" s="12">
        <v>2067040144.8399999</v>
      </c>
      <c r="J67" s="12">
        <v>1944293209.97</v>
      </c>
    </row>
    <row r="69" spans="1:10" x14ac:dyDescent="0.25">
      <c r="A69" s="10" t="s">
        <v>6</v>
      </c>
      <c r="B69" s="10" t="s">
        <v>582</v>
      </c>
      <c r="C69" s="10" t="s">
        <v>583</v>
      </c>
    </row>
    <row r="70" spans="1:10" x14ac:dyDescent="0.25">
      <c r="A70" s="10" t="s">
        <v>7</v>
      </c>
      <c r="B70" s="10" t="s">
        <v>7</v>
      </c>
      <c r="C70" s="10" t="s">
        <v>7</v>
      </c>
    </row>
    <row r="71" spans="1:10" x14ac:dyDescent="0.25">
      <c r="A71" s="2" t="s">
        <v>117</v>
      </c>
      <c r="B71" s="4" t="s">
        <v>584</v>
      </c>
      <c r="C71" s="12">
        <v>0</v>
      </c>
    </row>
    <row r="73" spans="1:10" x14ac:dyDescent="0.25">
      <c r="A73" s="10" t="s">
        <v>6</v>
      </c>
      <c r="B73" s="10" t="s">
        <v>585</v>
      </c>
      <c r="C73" s="10" t="s">
        <v>583</v>
      </c>
    </row>
    <row r="74" spans="1:10" x14ac:dyDescent="0.25">
      <c r="A74" s="10" t="s">
        <v>7</v>
      </c>
      <c r="B74" s="10" t="s">
        <v>7</v>
      </c>
      <c r="C74" s="10" t="s">
        <v>7</v>
      </c>
    </row>
    <row r="75" spans="1:10" x14ac:dyDescent="0.25">
      <c r="A75" s="2" t="s">
        <v>119</v>
      </c>
      <c r="B75" s="4" t="s">
        <v>584</v>
      </c>
      <c r="C75" s="12">
        <v>0</v>
      </c>
    </row>
    <row r="77" spans="1:10" x14ac:dyDescent="0.25">
      <c r="A77" s="10" t="s">
        <v>6</v>
      </c>
      <c r="B77" s="10" t="s">
        <v>586</v>
      </c>
      <c r="C77" s="10" t="s">
        <v>587</v>
      </c>
    </row>
    <row r="78" spans="1:10" x14ac:dyDescent="0.25">
      <c r="A78" s="10" t="s">
        <v>7</v>
      </c>
      <c r="B78" s="10" t="s">
        <v>7</v>
      </c>
      <c r="C78" s="10" t="s">
        <v>7</v>
      </c>
    </row>
    <row r="79" spans="1:10" x14ac:dyDescent="0.25">
      <c r="A79" s="2" t="s">
        <v>120</v>
      </c>
      <c r="B79" s="4" t="s">
        <v>588</v>
      </c>
      <c r="C79" s="12">
        <v>0</v>
      </c>
    </row>
    <row r="80" spans="1:10" x14ac:dyDescent="0.25">
      <c r="A80" s="2" t="s">
        <v>121</v>
      </c>
      <c r="B80" s="4" t="s">
        <v>589</v>
      </c>
      <c r="C80" s="12">
        <v>0</v>
      </c>
    </row>
    <row r="81" spans="1:6" x14ac:dyDescent="0.25">
      <c r="A81" s="2" t="s">
        <v>122</v>
      </c>
      <c r="B81" s="4" t="s">
        <v>590</v>
      </c>
      <c r="C81" s="12">
        <v>4579.38</v>
      </c>
    </row>
    <row r="82" spans="1:6" x14ac:dyDescent="0.25">
      <c r="A82" s="2" t="s">
        <v>123</v>
      </c>
      <c r="B82" s="4" t="s">
        <v>591</v>
      </c>
      <c r="C82" s="12">
        <v>294508087.75</v>
      </c>
    </row>
    <row r="84" spans="1:6" x14ac:dyDescent="0.25">
      <c r="A84" s="10" t="s">
        <v>6</v>
      </c>
      <c r="B84" s="10" t="s">
        <v>592</v>
      </c>
      <c r="C84" s="10" t="s">
        <v>593</v>
      </c>
      <c r="D84" s="10" t="s">
        <v>593</v>
      </c>
    </row>
    <row r="85" spans="1:6" x14ac:dyDescent="0.25">
      <c r="A85" s="10" t="s">
        <v>7</v>
      </c>
      <c r="B85" s="10" t="s">
        <v>7</v>
      </c>
      <c r="C85" s="1" t="s">
        <v>594</v>
      </c>
      <c r="D85" s="1" t="s">
        <v>595</v>
      </c>
    </row>
    <row r="86" spans="1:6" x14ac:dyDescent="0.25">
      <c r="A86" s="2" t="s">
        <v>124</v>
      </c>
      <c r="B86" s="4" t="s">
        <v>596</v>
      </c>
      <c r="C86" s="12">
        <v>6672.17</v>
      </c>
      <c r="D86" s="12">
        <v>128208.25</v>
      </c>
    </row>
    <row r="87" spans="1:6" x14ac:dyDescent="0.25">
      <c r="A87" s="2" t="s">
        <v>125</v>
      </c>
      <c r="B87" s="4" t="s">
        <v>597</v>
      </c>
      <c r="C87" s="12">
        <v>85688256.840000004</v>
      </c>
      <c r="D87" s="12">
        <v>73926805.219999999</v>
      </c>
    </row>
    <row r="88" spans="1:6" x14ac:dyDescent="0.25">
      <c r="A88" s="2" t="s">
        <v>126</v>
      </c>
      <c r="B88" s="4" t="s">
        <v>598</v>
      </c>
      <c r="C88" s="12">
        <v>0</v>
      </c>
      <c r="D88" s="12">
        <v>0</v>
      </c>
    </row>
    <row r="90" spans="1:6" x14ac:dyDescent="0.25">
      <c r="A90" s="10" t="s">
        <v>6</v>
      </c>
      <c r="B90" s="10" t="s">
        <v>599</v>
      </c>
      <c r="C90" s="10" t="s">
        <v>9</v>
      </c>
      <c r="D90" s="10" t="s">
        <v>537</v>
      </c>
      <c r="E90" s="10" t="s">
        <v>11</v>
      </c>
      <c r="F90" s="10" t="s">
        <v>11</v>
      </c>
    </row>
    <row r="91" spans="1:6" ht="21" x14ac:dyDescent="0.25">
      <c r="A91" s="10" t="s">
        <v>7</v>
      </c>
      <c r="B91" s="10" t="s">
        <v>7</v>
      </c>
      <c r="C91" s="10" t="s">
        <v>7</v>
      </c>
      <c r="D91" s="10" t="s">
        <v>7</v>
      </c>
      <c r="E91" s="1" t="s">
        <v>538</v>
      </c>
      <c r="F91" s="1" t="s">
        <v>539</v>
      </c>
    </row>
    <row r="92" spans="1:6" x14ac:dyDescent="0.25">
      <c r="A92" s="3" t="s">
        <v>127</v>
      </c>
      <c r="B92" s="5" t="s">
        <v>600</v>
      </c>
      <c r="C92" s="11">
        <v>0</v>
      </c>
      <c r="D92" s="11">
        <v>0</v>
      </c>
      <c r="E92" s="11">
        <v>0</v>
      </c>
      <c r="F92" s="11">
        <v>0</v>
      </c>
    </row>
    <row r="93" spans="1:6" x14ac:dyDescent="0.25">
      <c r="A93" s="3" t="s">
        <v>129</v>
      </c>
      <c r="B93" s="5" t="s">
        <v>601</v>
      </c>
      <c r="C93" s="11">
        <v>0</v>
      </c>
      <c r="D93" s="11">
        <v>0</v>
      </c>
      <c r="E93" s="11">
        <v>0</v>
      </c>
      <c r="F93" s="11">
        <v>0</v>
      </c>
    </row>
    <row r="94" spans="1:6" x14ac:dyDescent="0.25">
      <c r="A94" s="3" t="s">
        <v>131</v>
      </c>
      <c r="B94" s="5" t="s">
        <v>602</v>
      </c>
      <c r="C94" s="11">
        <v>0</v>
      </c>
      <c r="D94" s="11">
        <v>0</v>
      </c>
      <c r="E94" s="11">
        <v>0</v>
      </c>
      <c r="F94" s="11">
        <v>0</v>
      </c>
    </row>
    <row r="95" spans="1:6" x14ac:dyDescent="0.25">
      <c r="A95" s="2" t="s">
        <v>133</v>
      </c>
      <c r="B95" s="4" t="s">
        <v>603</v>
      </c>
      <c r="C95" s="12">
        <v>0</v>
      </c>
      <c r="D95" s="12">
        <v>0</v>
      </c>
      <c r="E95" s="12">
        <v>0</v>
      </c>
      <c r="F95" s="12">
        <v>0</v>
      </c>
    </row>
    <row r="96" spans="1:6" x14ac:dyDescent="0.25">
      <c r="A96" s="2" t="s">
        <v>135</v>
      </c>
      <c r="B96" s="4" t="s">
        <v>604</v>
      </c>
      <c r="C96" s="12">
        <v>0</v>
      </c>
      <c r="D96" s="12">
        <v>0</v>
      </c>
      <c r="E96" s="12">
        <v>0</v>
      </c>
      <c r="F96" s="12">
        <v>0</v>
      </c>
    </row>
    <row r="97" spans="1:6" x14ac:dyDescent="0.25">
      <c r="A97" s="2" t="s">
        <v>137</v>
      </c>
      <c r="B97" s="4" t="s">
        <v>605</v>
      </c>
      <c r="C97" s="12">
        <v>0</v>
      </c>
      <c r="D97" s="12">
        <v>0</v>
      </c>
      <c r="E97" s="12">
        <v>0</v>
      </c>
      <c r="F97" s="12">
        <v>0</v>
      </c>
    </row>
    <row r="98" spans="1:6" x14ac:dyDescent="0.25">
      <c r="A98" s="3" t="s">
        <v>139</v>
      </c>
      <c r="B98" s="5" t="s">
        <v>606</v>
      </c>
      <c r="C98" s="11">
        <v>0</v>
      </c>
      <c r="D98" s="11">
        <v>0</v>
      </c>
      <c r="E98" s="11">
        <v>0</v>
      </c>
      <c r="F98" s="11">
        <v>0</v>
      </c>
    </row>
    <row r="99" spans="1:6" x14ac:dyDescent="0.25">
      <c r="A99" s="2" t="s">
        <v>141</v>
      </c>
      <c r="B99" s="4" t="s">
        <v>603</v>
      </c>
      <c r="C99" s="12">
        <v>0</v>
      </c>
      <c r="D99" s="12">
        <v>0</v>
      </c>
      <c r="E99" s="12">
        <v>0</v>
      </c>
      <c r="F99" s="12">
        <v>0</v>
      </c>
    </row>
    <row r="100" spans="1:6" x14ac:dyDescent="0.25">
      <c r="A100" s="2" t="s">
        <v>143</v>
      </c>
      <c r="B100" s="4" t="s">
        <v>604</v>
      </c>
      <c r="C100" s="12">
        <v>0</v>
      </c>
      <c r="D100" s="12">
        <v>0</v>
      </c>
      <c r="E100" s="12">
        <v>0</v>
      </c>
      <c r="F100" s="12">
        <v>0</v>
      </c>
    </row>
    <row r="101" spans="1:6" x14ac:dyDescent="0.25">
      <c r="A101" s="2" t="s">
        <v>145</v>
      </c>
      <c r="B101" s="4" t="s">
        <v>605</v>
      </c>
      <c r="C101" s="12">
        <v>0</v>
      </c>
      <c r="D101" s="12">
        <v>0</v>
      </c>
      <c r="E101" s="12">
        <v>0</v>
      </c>
      <c r="F101" s="12">
        <v>0</v>
      </c>
    </row>
    <row r="102" spans="1:6" x14ac:dyDescent="0.25">
      <c r="A102" s="3" t="s">
        <v>147</v>
      </c>
      <c r="B102" s="5" t="s">
        <v>607</v>
      </c>
      <c r="C102" s="11">
        <v>0</v>
      </c>
      <c r="D102" s="11">
        <v>0</v>
      </c>
      <c r="E102" s="11">
        <v>0</v>
      </c>
      <c r="F102" s="11">
        <v>0</v>
      </c>
    </row>
    <row r="103" spans="1:6" x14ac:dyDescent="0.25">
      <c r="A103" s="3" t="s">
        <v>149</v>
      </c>
      <c r="B103" s="5" t="s">
        <v>602</v>
      </c>
      <c r="C103" s="11">
        <v>0</v>
      </c>
      <c r="D103" s="11">
        <v>0</v>
      </c>
      <c r="E103" s="11">
        <v>0</v>
      </c>
      <c r="F103" s="11">
        <v>0</v>
      </c>
    </row>
    <row r="104" spans="1:6" x14ac:dyDescent="0.25">
      <c r="A104" s="2" t="s">
        <v>151</v>
      </c>
      <c r="B104" s="4" t="s">
        <v>603</v>
      </c>
      <c r="C104" s="12">
        <v>0</v>
      </c>
      <c r="D104" s="12">
        <v>0</v>
      </c>
      <c r="E104" s="12">
        <v>0</v>
      </c>
      <c r="F104" s="12">
        <v>0</v>
      </c>
    </row>
    <row r="105" spans="1:6" x14ac:dyDescent="0.25">
      <c r="A105" s="2" t="s">
        <v>152</v>
      </c>
      <c r="B105" s="4" t="s">
        <v>604</v>
      </c>
      <c r="C105" s="12">
        <v>0</v>
      </c>
      <c r="D105" s="12">
        <v>0</v>
      </c>
      <c r="E105" s="12">
        <v>0</v>
      </c>
      <c r="F105" s="12">
        <v>0</v>
      </c>
    </row>
    <row r="106" spans="1:6" x14ac:dyDescent="0.25">
      <c r="A106" s="2" t="s">
        <v>153</v>
      </c>
      <c r="B106" s="4" t="s">
        <v>605</v>
      </c>
      <c r="C106" s="12">
        <v>0</v>
      </c>
      <c r="D106" s="12">
        <v>0</v>
      </c>
      <c r="E106" s="12">
        <v>0</v>
      </c>
      <c r="F106" s="12">
        <v>0</v>
      </c>
    </row>
    <row r="107" spans="1:6" x14ac:dyDescent="0.25">
      <c r="A107" s="3" t="s">
        <v>155</v>
      </c>
      <c r="B107" s="5" t="s">
        <v>606</v>
      </c>
      <c r="C107" s="11">
        <v>0</v>
      </c>
      <c r="D107" s="11">
        <v>0</v>
      </c>
      <c r="E107" s="11">
        <v>0</v>
      </c>
      <c r="F107" s="11">
        <v>0</v>
      </c>
    </row>
    <row r="108" spans="1:6" x14ac:dyDescent="0.25">
      <c r="A108" s="2" t="s">
        <v>157</v>
      </c>
      <c r="B108" s="4" t="s">
        <v>603</v>
      </c>
      <c r="C108" s="12">
        <v>0</v>
      </c>
      <c r="D108" s="12">
        <v>0</v>
      </c>
      <c r="E108" s="12">
        <v>0</v>
      </c>
      <c r="F108" s="12">
        <v>0</v>
      </c>
    </row>
    <row r="109" spans="1:6" x14ac:dyDescent="0.25">
      <c r="A109" s="2" t="s">
        <v>159</v>
      </c>
      <c r="B109" s="4" t="s">
        <v>604</v>
      </c>
      <c r="C109" s="12">
        <v>0</v>
      </c>
      <c r="D109" s="12">
        <v>0</v>
      </c>
      <c r="E109" s="12">
        <v>0</v>
      </c>
      <c r="F109" s="12">
        <v>0</v>
      </c>
    </row>
    <row r="110" spans="1:6" x14ac:dyDescent="0.25">
      <c r="A110" s="2" t="s">
        <v>161</v>
      </c>
      <c r="B110" s="4" t="s">
        <v>605</v>
      </c>
      <c r="C110" s="12">
        <v>0</v>
      </c>
      <c r="D110" s="12">
        <v>0</v>
      </c>
      <c r="E110" s="12">
        <v>0</v>
      </c>
      <c r="F110" s="12">
        <v>0</v>
      </c>
    </row>
    <row r="111" spans="1:6" x14ac:dyDescent="0.25">
      <c r="A111" s="3" t="s">
        <v>163</v>
      </c>
      <c r="B111" s="5" t="s">
        <v>608</v>
      </c>
      <c r="C111" s="11">
        <v>0</v>
      </c>
      <c r="D111" s="11">
        <v>0</v>
      </c>
      <c r="E111" s="11">
        <v>0</v>
      </c>
      <c r="F111" s="11">
        <v>0</v>
      </c>
    </row>
    <row r="112" spans="1:6" x14ac:dyDescent="0.25">
      <c r="A112" s="2" t="s">
        <v>178</v>
      </c>
      <c r="B112" s="4" t="s">
        <v>609</v>
      </c>
      <c r="C112" s="12">
        <v>0</v>
      </c>
      <c r="D112" s="12">
        <v>0</v>
      </c>
      <c r="E112" s="12">
        <v>0</v>
      </c>
      <c r="F112" s="12">
        <v>0</v>
      </c>
    </row>
    <row r="113" spans="1:10" x14ac:dyDescent="0.25">
      <c r="A113" s="2" t="s">
        <v>180</v>
      </c>
      <c r="B113" s="4" t="s">
        <v>610</v>
      </c>
      <c r="C113" s="12">
        <v>0</v>
      </c>
      <c r="D113" s="12">
        <v>0</v>
      </c>
      <c r="E113" s="12">
        <v>0</v>
      </c>
      <c r="F113" s="12">
        <v>0</v>
      </c>
    </row>
    <row r="114" spans="1:10" x14ac:dyDescent="0.25">
      <c r="A114" s="2" t="s">
        <v>182</v>
      </c>
      <c r="B114" s="4" t="s">
        <v>522</v>
      </c>
      <c r="C114" s="12">
        <v>0</v>
      </c>
      <c r="D114" s="12">
        <v>0</v>
      </c>
      <c r="E114" s="12">
        <v>0</v>
      </c>
      <c r="F114" s="12">
        <v>0</v>
      </c>
    </row>
    <row r="115" spans="1:10" x14ac:dyDescent="0.25">
      <c r="A115" s="2" t="s">
        <v>184</v>
      </c>
      <c r="B115" s="4" t="s">
        <v>611</v>
      </c>
      <c r="C115" s="12">
        <v>0</v>
      </c>
      <c r="D115" s="12">
        <v>0</v>
      </c>
      <c r="E115" s="12">
        <v>0</v>
      </c>
      <c r="F115" s="12">
        <v>0</v>
      </c>
    </row>
    <row r="116" spans="1:10" x14ac:dyDescent="0.25">
      <c r="A116" s="3" t="s">
        <v>186</v>
      </c>
      <c r="B116" s="5" t="s">
        <v>612</v>
      </c>
      <c r="C116" s="11">
        <v>0</v>
      </c>
      <c r="D116" s="11">
        <v>0</v>
      </c>
      <c r="E116" s="11">
        <v>0</v>
      </c>
      <c r="F116" s="11">
        <v>0</v>
      </c>
    </row>
    <row r="117" spans="1:10" x14ac:dyDescent="0.25">
      <c r="A117" s="2" t="s">
        <v>188</v>
      </c>
      <c r="B117" s="4" t="s">
        <v>613</v>
      </c>
      <c r="C117" s="12">
        <v>0</v>
      </c>
      <c r="D117" s="12">
        <v>0</v>
      </c>
      <c r="E117" s="12">
        <v>0</v>
      </c>
      <c r="F117" s="12">
        <v>0</v>
      </c>
    </row>
    <row r="118" spans="1:10" x14ac:dyDescent="0.25">
      <c r="A118" s="2" t="s">
        <v>190</v>
      </c>
      <c r="B118" s="4" t="s">
        <v>308</v>
      </c>
      <c r="C118" s="12">
        <v>0</v>
      </c>
      <c r="D118" s="12">
        <v>0</v>
      </c>
      <c r="E118" s="12">
        <v>0</v>
      </c>
      <c r="F118" s="12">
        <v>0</v>
      </c>
    </row>
    <row r="119" spans="1:10" x14ac:dyDescent="0.25">
      <c r="A119" s="3" t="s">
        <v>192</v>
      </c>
      <c r="B119" s="5" t="s">
        <v>614</v>
      </c>
      <c r="C119" s="11">
        <v>0</v>
      </c>
      <c r="D119" s="11">
        <v>0</v>
      </c>
      <c r="E119" s="11">
        <v>0</v>
      </c>
      <c r="F119" s="11">
        <v>0</v>
      </c>
    </row>
    <row r="120" spans="1:10" x14ac:dyDescent="0.25">
      <c r="A120" s="2" t="s">
        <v>194</v>
      </c>
      <c r="B120" s="4" t="s">
        <v>615</v>
      </c>
      <c r="C120" s="12">
        <v>0</v>
      </c>
      <c r="D120" s="12">
        <v>0</v>
      </c>
      <c r="E120" s="12">
        <v>0</v>
      </c>
      <c r="F120" s="12">
        <v>0</v>
      </c>
    </row>
    <row r="121" spans="1:10" x14ac:dyDescent="0.25">
      <c r="A121" s="2" t="s">
        <v>196</v>
      </c>
      <c r="B121" s="4" t="s">
        <v>616</v>
      </c>
      <c r="C121" s="12">
        <v>0</v>
      </c>
      <c r="D121" s="12">
        <v>0</v>
      </c>
      <c r="E121" s="12">
        <v>0</v>
      </c>
      <c r="F121" s="12">
        <v>0</v>
      </c>
    </row>
    <row r="122" spans="1:10" x14ac:dyDescent="0.25">
      <c r="A122" s="2" t="s">
        <v>198</v>
      </c>
      <c r="B122" s="4" t="s">
        <v>617</v>
      </c>
      <c r="C122" s="12">
        <v>0</v>
      </c>
      <c r="D122" s="12">
        <v>0</v>
      </c>
      <c r="E122" s="12">
        <v>0</v>
      </c>
      <c r="F122" s="12">
        <v>0</v>
      </c>
    </row>
    <row r="123" spans="1:10" x14ac:dyDescent="0.25">
      <c r="A123" s="3" t="s">
        <v>200</v>
      </c>
      <c r="B123" s="5" t="s">
        <v>618</v>
      </c>
      <c r="C123" s="11">
        <v>0</v>
      </c>
      <c r="D123" s="11">
        <v>0</v>
      </c>
      <c r="E123" s="11">
        <v>0</v>
      </c>
      <c r="F123" s="11">
        <v>0</v>
      </c>
    </row>
    <row r="125" spans="1:10" x14ac:dyDescent="0.25">
      <c r="A125" s="10" t="s">
        <v>6</v>
      </c>
      <c r="B125" s="10" t="s">
        <v>619</v>
      </c>
      <c r="C125" s="10" t="s">
        <v>371</v>
      </c>
      <c r="D125" s="10" t="s">
        <v>562</v>
      </c>
      <c r="E125" s="10" t="s">
        <v>168</v>
      </c>
      <c r="F125" s="10" t="s">
        <v>7</v>
      </c>
      <c r="G125" s="10" t="s">
        <v>172</v>
      </c>
      <c r="H125" s="10" t="s">
        <v>7</v>
      </c>
      <c r="I125" s="10" t="s">
        <v>563</v>
      </c>
      <c r="J125" s="10" t="s">
        <v>563</v>
      </c>
    </row>
    <row r="126" spans="1:10" ht="21" x14ac:dyDescent="0.25">
      <c r="A126" s="10" t="s">
        <v>7</v>
      </c>
      <c r="B126" s="10" t="s">
        <v>7</v>
      </c>
      <c r="C126" s="10" t="s">
        <v>7</v>
      </c>
      <c r="D126" s="10" t="s">
        <v>7</v>
      </c>
      <c r="E126" s="1" t="s">
        <v>538</v>
      </c>
      <c r="F126" s="1" t="s">
        <v>539</v>
      </c>
      <c r="G126" s="1" t="s">
        <v>538</v>
      </c>
      <c r="H126" s="1" t="s">
        <v>539</v>
      </c>
      <c r="I126" s="1" t="s">
        <v>564</v>
      </c>
      <c r="J126" s="1" t="s">
        <v>565</v>
      </c>
    </row>
    <row r="127" spans="1:10" x14ac:dyDescent="0.25">
      <c r="A127" s="3" t="s">
        <v>202</v>
      </c>
      <c r="B127" s="5" t="s">
        <v>620</v>
      </c>
      <c r="C127" s="11">
        <v>0</v>
      </c>
      <c r="D127" s="11">
        <v>0</v>
      </c>
      <c r="E127" s="11">
        <v>0</v>
      </c>
      <c r="F127" s="11">
        <v>0</v>
      </c>
      <c r="G127" s="11">
        <v>0</v>
      </c>
      <c r="H127" s="11">
        <v>0</v>
      </c>
      <c r="I127" s="11">
        <v>0</v>
      </c>
      <c r="J127" s="11">
        <v>0</v>
      </c>
    </row>
    <row r="128" spans="1:10" x14ac:dyDescent="0.25">
      <c r="A128" s="2" t="s">
        <v>204</v>
      </c>
      <c r="B128" s="4" t="s">
        <v>567</v>
      </c>
      <c r="C128" s="12">
        <v>0</v>
      </c>
      <c r="D128" s="12">
        <v>0</v>
      </c>
      <c r="E128" s="12">
        <v>0</v>
      </c>
      <c r="F128" s="12">
        <v>0</v>
      </c>
      <c r="G128" s="12">
        <v>0</v>
      </c>
      <c r="H128" s="12">
        <v>0</v>
      </c>
      <c r="I128" s="12">
        <v>0</v>
      </c>
      <c r="J128" s="12">
        <v>0</v>
      </c>
    </row>
    <row r="129" spans="1:10" x14ac:dyDescent="0.25">
      <c r="A129" s="2" t="s">
        <v>206</v>
      </c>
      <c r="B129" s="4" t="s">
        <v>568</v>
      </c>
      <c r="C129" s="12">
        <v>0</v>
      </c>
      <c r="D129" s="12">
        <v>0</v>
      </c>
      <c r="E129" s="12">
        <v>0</v>
      </c>
      <c r="F129" s="12">
        <v>0</v>
      </c>
      <c r="G129" s="12">
        <v>0</v>
      </c>
      <c r="H129" s="12">
        <v>0</v>
      </c>
      <c r="I129" s="12">
        <v>0</v>
      </c>
      <c r="J129" s="12">
        <v>0</v>
      </c>
    </row>
    <row r="130" spans="1:10" x14ac:dyDescent="0.25">
      <c r="A130" s="3" t="s">
        <v>208</v>
      </c>
      <c r="B130" s="5" t="s">
        <v>621</v>
      </c>
      <c r="C130" s="11">
        <v>0</v>
      </c>
      <c r="D130" s="11">
        <v>0</v>
      </c>
      <c r="E130" s="11">
        <v>0</v>
      </c>
      <c r="F130" s="11">
        <v>0</v>
      </c>
      <c r="G130" s="11">
        <v>0</v>
      </c>
      <c r="H130" s="11">
        <v>0</v>
      </c>
      <c r="I130" s="11">
        <v>0</v>
      </c>
      <c r="J130" s="11">
        <v>0</v>
      </c>
    </row>
    <row r="131" spans="1:10" x14ac:dyDescent="0.25">
      <c r="A131" s="3" t="s">
        <v>210</v>
      </c>
      <c r="B131" s="5" t="s">
        <v>570</v>
      </c>
      <c r="C131" s="11">
        <v>0</v>
      </c>
      <c r="D131" s="11">
        <v>0</v>
      </c>
      <c r="E131" s="11">
        <v>0</v>
      </c>
      <c r="F131" s="11">
        <v>0</v>
      </c>
      <c r="G131" s="11">
        <v>0</v>
      </c>
      <c r="H131" s="11">
        <v>0</v>
      </c>
      <c r="I131" s="11">
        <v>0</v>
      </c>
      <c r="J131" s="11">
        <v>0</v>
      </c>
    </row>
    <row r="132" spans="1:10" x14ac:dyDescent="0.25">
      <c r="A132" s="2" t="s">
        <v>212</v>
      </c>
      <c r="B132" s="4" t="s">
        <v>571</v>
      </c>
      <c r="C132" s="12">
        <v>0</v>
      </c>
      <c r="D132" s="12">
        <v>0</v>
      </c>
      <c r="E132" s="12">
        <v>0</v>
      </c>
      <c r="F132" s="12">
        <v>0</v>
      </c>
      <c r="G132" s="12">
        <v>0</v>
      </c>
      <c r="H132" s="12">
        <v>0</v>
      </c>
      <c r="I132" s="12">
        <v>0</v>
      </c>
      <c r="J132" s="12">
        <v>0</v>
      </c>
    </row>
    <row r="133" spans="1:10" x14ac:dyDescent="0.25">
      <c r="A133" s="2" t="s">
        <v>214</v>
      </c>
      <c r="B133" s="4" t="s">
        <v>572</v>
      </c>
      <c r="C133" s="12">
        <v>0</v>
      </c>
      <c r="D133" s="12">
        <v>0</v>
      </c>
      <c r="E133" s="12">
        <v>0</v>
      </c>
      <c r="F133" s="12">
        <v>0</v>
      </c>
      <c r="G133" s="12">
        <v>0</v>
      </c>
      <c r="H133" s="12">
        <v>0</v>
      </c>
      <c r="I133" s="12">
        <v>0</v>
      </c>
      <c r="J133" s="12">
        <v>0</v>
      </c>
    </row>
    <row r="134" spans="1:10" x14ac:dyDescent="0.25">
      <c r="A134" s="2" t="s">
        <v>216</v>
      </c>
      <c r="B134" s="4" t="s">
        <v>573</v>
      </c>
      <c r="C134" s="12">
        <v>0</v>
      </c>
      <c r="D134" s="12">
        <v>0</v>
      </c>
      <c r="E134" s="12">
        <v>0</v>
      </c>
      <c r="F134" s="12">
        <v>0</v>
      </c>
      <c r="G134" s="12">
        <v>0</v>
      </c>
      <c r="H134" s="12">
        <v>0</v>
      </c>
      <c r="I134" s="12">
        <v>0</v>
      </c>
      <c r="J134" s="12">
        <v>0</v>
      </c>
    </row>
    <row r="135" spans="1:10" x14ac:dyDescent="0.25">
      <c r="A135" s="3" t="s">
        <v>217</v>
      </c>
      <c r="B135" s="5" t="s">
        <v>574</v>
      </c>
      <c r="C135" s="11">
        <v>0</v>
      </c>
      <c r="D135" s="11">
        <v>0</v>
      </c>
      <c r="E135" s="11">
        <v>0</v>
      </c>
      <c r="F135" s="11">
        <v>0</v>
      </c>
      <c r="G135" s="11">
        <v>0</v>
      </c>
      <c r="H135" s="11">
        <v>0</v>
      </c>
      <c r="I135" s="11">
        <v>0</v>
      </c>
      <c r="J135" s="11">
        <v>0</v>
      </c>
    </row>
    <row r="136" spans="1:10" x14ac:dyDescent="0.25">
      <c r="A136" s="2" t="s">
        <v>218</v>
      </c>
      <c r="B136" s="4" t="s">
        <v>575</v>
      </c>
      <c r="C136" s="12">
        <v>0</v>
      </c>
      <c r="D136" s="12">
        <v>0</v>
      </c>
      <c r="E136" s="12">
        <v>0</v>
      </c>
      <c r="F136" s="12">
        <v>0</v>
      </c>
      <c r="G136" s="12">
        <v>0</v>
      </c>
      <c r="H136" s="12">
        <v>0</v>
      </c>
      <c r="I136" s="12">
        <v>0</v>
      </c>
      <c r="J136" s="12">
        <v>0</v>
      </c>
    </row>
    <row r="137" spans="1:10" x14ac:dyDescent="0.25">
      <c r="A137" s="2" t="s">
        <v>220</v>
      </c>
      <c r="B137" s="4" t="s">
        <v>572</v>
      </c>
      <c r="C137" s="12">
        <v>0</v>
      </c>
      <c r="D137" s="12">
        <v>0</v>
      </c>
      <c r="E137" s="12">
        <v>0</v>
      </c>
      <c r="F137" s="12">
        <v>0</v>
      </c>
      <c r="G137" s="12">
        <v>0</v>
      </c>
      <c r="H137" s="12">
        <v>0</v>
      </c>
      <c r="I137" s="12">
        <v>0</v>
      </c>
      <c r="J137" s="12">
        <v>0</v>
      </c>
    </row>
    <row r="138" spans="1:10" x14ac:dyDescent="0.25">
      <c r="A138" s="2" t="s">
        <v>222</v>
      </c>
      <c r="B138" s="4" t="s">
        <v>573</v>
      </c>
      <c r="C138" s="12">
        <v>0</v>
      </c>
      <c r="D138" s="12">
        <v>0</v>
      </c>
      <c r="E138" s="12">
        <v>0</v>
      </c>
      <c r="F138" s="12">
        <v>0</v>
      </c>
      <c r="G138" s="12">
        <v>0</v>
      </c>
      <c r="H138" s="12">
        <v>0</v>
      </c>
      <c r="I138" s="12">
        <v>0</v>
      </c>
      <c r="J138" s="12">
        <v>0</v>
      </c>
    </row>
    <row r="139" spans="1:10" x14ac:dyDescent="0.25">
      <c r="A139" s="3" t="s">
        <v>224</v>
      </c>
      <c r="B139" s="5" t="s">
        <v>576</v>
      </c>
      <c r="C139" s="11">
        <v>0</v>
      </c>
      <c r="D139" s="11">
        <v>0</v>
      </c>
      <c r="E139" s="11">
        <v>0</v>
      </c>
      <c r="F139" s="11">
        <v>0</v>
      </c>
      <c r="G139" s="11">
        <v>0</v>
      </c>
      <c r="H139" s="11">
        <v>0</v>
      </c>
      <c r="I139" s="11">
        <v>0</v>
      </c>
      <c r="J139" s="11">
        <v>0</v>
      </c>
    </row>
    <row r="140" spans="1:10" x14ac:dyDescent="0.25">
      <c r="A140" s="2" t="s">
        <v>227</v>
      </c>
      <c r="B140" s="4" t="s">
        <v>577</v>
      </c>
      <c r="C140" s="12">
        <v>0</v>
      </c>
      <c r="D140" s="12">
        <v>0</v>
      </c>
      <c r="E140" s="12">
        <v>0</v>
      </c>
      <c r="F140" s="12">
        <v>0</v>
      </c>
      <c r="G140" s="12">
        <v>0</v>
      </c>
      <c r="H140" s="12">
        <v>0</v>
      </c>
      <c r="I140" s="12">
        <v>0</v>
      </c>
      <c r="J140" s="12">
        <v>0</v>
      </c>
    </row>
    <row r="141" spans="1:10" x14ac:dyDescent="0.25">
      <c r="A141" s="2" t="s">
        <v>229</v>
      </c>
      <c r="B141" s="4" t="s">
        <v>578</v>
      </c>
      <c r="C141" s="12">
        <v>0</v>
      </c>
      <c r="D141" s="12">
        <v>0</v>
      </c>
      <c r="E141" s="12">
        <v>0</v>
      </c>
      <c r="F141" s="12">
        <v>0</v>
      </c>
      <c r="G141" s="12">
        <v>0</v>
      </c>
      <c r="H141" s="12">
        <v>0</v>
      </c>
      <c r="I141" s="12">
        <v>0</v>
      </c>
      <c r="J141" s="12">
        <v>0</v>
      </c>
    </row>
    <row r="142" spans="1:10" x14ac:dyDescent="0.25">
      <c r="A142" s="3" t="s">
        <v>231</v>
      </c>
      <c r="B142" s="5" t="s">
        <v>622</v>
      </c>
      <c r="C142" s="11">
        <v>0</v>
      </c>
      <c r="D142" s="11">
        <v>0</v>
      </c>
      <c r="E142" s="11">
        <v>0</v>
      </c>
      <c r="F142" s="11">
        <v>0</v>
      </c>
      <c r="G142" s="11">
        <v>0</v>
      </c>
      <c r="H142" s="11">
        <v>0</v>
      </c>
      <c r="I142" s="11">
        <v>0</v>
      </c>
      <c r="J142" s="11">
        <v>0</v>
      </c>
    </row>
    <row r="144" spans="1:10" x14ac:dyDescent="0.25">
      <c r="A144" s="10" t="s">
        <v>6</v>
      </c>
      <c r="B144" s="10" t="s">
        <v>623</v>
      </c>
      <c r="C144" s="10" t="s">
        <v>371</v>
      </c>
      <c r="D144" s="10" t="s">
        <v>562</v>
      </c>
      <c r="E144" s="10" t="s">
        <v>168</v>
      </c>
      <c r="F144" s="10" t="s">
        <v>7</v>
      </c>
      <c r="G144" s="10" t="s">
        <v>172</v>
      </c>
      <c r="H144" s="10" t="s">
        <v>7</v>
      </c>
      <c r="I144" s="10" t="s">
        <v>563</v>
      </c>
      <c r="J144" s="10" t="s">
        <v>563</v>
      </c>
    </row>
    <row r="145" spans="1:10" ht="21" x14ac:dyDescent="0.25">
      <c r="A145" s="10" t="s">
        <v>7</v>
      </c>
      <c r="B145" s="10" t="s">
        <v>7</v>
      </c>
      <c r="C145" s="10" t="s">
        <v>7</v>
      </c>
      <c r="D145" s="10" t="s">
        <v>7</v>
      </c>
      <c r="E145" s="1" t="s">
        <v>538</v>
      </c>
      <c r="F145" s="1" t="s">
        <v>539</v>
      </c>
      <c r="G145" s="1" t="s">
        <v>538</v>
      </c>
      <c r="H145" s="1" t="s">
        <v>539</v>
      </c>
      <c r="I145" s="1" t="s">
        <v>564</v>
      </c>
      <c r="J145" s="1" t="s">
        <v>565</v>
      </c>
    </row>
    <row r="146" spans="1:10" x14ac:dyDescent="0.25">
      <c r="A146" s="2" t="s">
        <v>233</v>
      </c>
      <c r="B146" s="4" t="s">
        <v>624</v>
      </c>
      <c r="C146" s="12">
        <v>0</v>
      </c>
      <c r="D146" s="12">
        <v>0</v>
      </c>
      <c r="E146" s="12">
        <v>0</v>
      </c>
      <c r="F146" s="12">
        <v>0</v>
      </c>
      <c r="G146" s="12">
        <v>0</v>
      </c>
      <c r="H146" s="12">
        <v>0</v>
      </c>
      <c r="I146" s="12">
        <v>0</v>
      </c>
      <c r="J146" s="12">
        <v>0</v>
      </c>
    </row>
    <row r="148" spans="1:10" x14ac:dyDescent="0.25">
      <c r="A148" s="10" t="s">
        <v>6</v>
      </c>
      <c r="B148" s="10" t="s">
        <v>625</v>
      </c>
      <c r="C148" s="10" t="s">
        <v>587</v>
      </c>
    </row>
    <row r="149" spans="1:10" x14ac:dyDescent="0.25">
      <c r="A149" s="10" t="s">
        <v>7</v>
      </c>
      <c r="B149" s="10" t="s">
        <v>7</v>
      </c>
      <c r="C149" s="10" t="s">
        <v>7</v>
      </c>
    </row>
    <row r="150" spans="1:10" x14ac:dyDescent="0.25">
      <c r="A150" s="2" t="s">
        <v>235</v>
      </c>
      <c r="B150" s="4" t="s">
        <v>626</v>
      </c>
      <c r="C150" s="12">
        <v>0</v>
      </c>
    </row>
    <row r="151" spans="1:10" x14ac:dyDescent="0.25">
      <c r="A151" s="2" t="s">
        <v>237</v>
      </c>
      <c r="B151" s="4" t="s">
        <v>627</v>
      </c>
      <c r="C151" s="12">
        <v>0</v>
      </c>
    </row>
  </sheetData>
  <mergeCells count="59">
    <mergeCell ref="A148:A149"/>
    <mergeCell ref="B148:B149"/>
    <mergeCell ref="C148:C149"/>
    <mergeCell ref="G125:H125"/>
    <mergeCell ref="I125:J125"/>
    <mergeCell ref="A144:A145"/>
    <mergeCell ref="B144:B145"/>
    <mergeCell ref="C144:C145"/>
    <mergeCell ref="D144:D145"/>
    <mergeCell ref="E144:F144"/>
    <mergeCell ref="G144:H144"/>
    <mergeCell ref="I144:J144"/>
    <mergeCell ref="A125:A126"/>
    <mergeCell ref="B125:B126"/>
    <mergeCell ref="C125:C126"/>
    <mergeCell ref="D125:D126"/>
    <mergeCell ref="E125:F125"/>
    <mergeCell ref="A90:A91"/>
    <mergeCell ref="B90:B91"/>
    <mergeCell ref="C90:C91"/>
    <mergeCell ref="D90:D91"/>
    <mergeCell ref="E90:F90"/>
    <mergeCell ref="A77:A78"/>
    <mergeCell ref="B77:B78"/>
    <mergeCell ref="C77:C78"/>
    <mergeCell ref="A84:A85"/>
    <mergeCell ref="B84:B85"/>
    <mergeCell ref="C84:D84"/>
    <mergeCell ref="A69:A70"/>
    <mergeCell ref="B69:B70"/>
    <mergeCell ref="C69:C70"/>
    <mergeCell ref="A73:A74"/>
    <mergeCell ref="B73:B74"/>
    <mergeCell ref="C73:C74"/>
    <mergeCell ref="G46:H46"/>
    <mergeCell ref="I46:J46"/>
    <mergeCell ref="A65:A66"/>
    <mergeCell ref="B65:B66"/>
    <mergeCell ref="C65:C66"/>
    <mergeCell ref="D65:D66"/>
    <mergeCell ref="E65:F65"/>
    <mergeCell ref="G65:H65"/>
    <mergeCell ref="I65:J65"/>
    <mergeCell ref="A46:A47"/>
    <mergeCell ref="B46:B47"/>
    <mergeCell ref="C46:C47"/>
    <mergeCell ref="D46:D47"/>
    <mergeCell ref="E46:F46"/>
    <mergeCell ref="A9:J9"/>
    <mergeCell ref="A10:A11"/>
    <mergeCell ref="B10:B11"/>
    <mergeCell ref="C10:C11"/>
    <mergeCell ref="D10:D11"/>
    <mergeCell ref="E10:F10"/>
    <mergeCell ref="A3:J3"/>
    <mergeCell ref="A4:J4"/>
    <mergeCell ref="A5:J5"/>
    <mergeCell ref="A6:J6"/>
    <mergeCell ref="A7:J7"/>
  </mergeCell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I135"/>
  <sheetViews>
    <sheetView showGridLines="0" workbookViewId="0"/>
  </sheetViews>
  <sheetFormatPr defaultRowHeight="15" x14ac:dyDescent="0.25"/>
  <cols>
    <col min="1" max="1" width="2.7109375" bestFit="1" customWidth="1"/>
    <col min="2" max="2" width="79" bestFit="1" customWidth="1"/>
    <col min="3" max="4" width="20.28515625" bestFit="1" customWidth="1"/>
    <col min="5" max="6" width="20.140625" bestFit="1" customWidth="1"/>
    <col min="7" max="7" width="29.85546875" bestFit="1" customWidth="1"/>
    <col min="8" max="9" width="17.28515625" bestFit="1" customWidth="1"/>
  </cols>
  <sheetData>
    <row r="3" spans="1:9" x14ac:dyDescent="0.25">
      <c r="A3" s="6" t="s">
        <v>0</v>
      </c>
      <c r="B3" s="7"/>
      <c r="C3" s="7"/>
      <c r="D3" s="7"/>
      <c r="E3" s="7"/>
      <c r="F3" s="7"/>
      <c r="G3" s="7"/>
      <c r="H3" s="7"/>
      <c r="I3" s="7"/>
    </row>
    <row r="4" spans="1:9" x14ac:dyDescent="0.25">
      <c r="A4" s="6" t="s">
        <v>1</v>
      </c>
      <c r="B4" s="7"/>
      <c r="C4" s="7"/>
      <c r="D4" s="7"/>
      <c r="E4" s="7"/>
      <c r="F4" s="7"/>
      <c r="G4" s="7"/>
      <c r="H4" s="7"/>
      <c r="I4" s="7"/>
    </row>
    <row r="5" spans="1:9" x14ac:dyDescent="0.25">
      <c r="A5" s="8" t="s">
        <v>628</v>
      </c>
      <c r="B5" s="7"/>
      <c r="C5" s="7"/>
      <c r="D5" s="7"/>
      <c r="E5" s="7"/>
      <c r="F5" s="7"/>
      <c r="G5" s="7"/>
      <c r="H5" s="7"/>
      <c r="I5" s="7"/>
    </row>
    <row r="6" spans="1:9" x14ac:dyDescent="0.25">
      <c r="A6" s="6" t="s">
        <v>3</v>
      </c>
      <c r="B6" s="7"/>
      <c r="C6" s="7"/>
      <c r="D6" s="7"/>
      <c r="E6" s="7"/>
      <c r="F6" s="7"/>
      <c r="G6" s="7"/>
      <c r="H6" s="7"/>
      <c r="I6" s="7"/>
    </row>
    <row r="7" spans="1:9" x14ac:dyDescent="0.25">
      <c r="A7" s="6" t="s">
        <v>4</v>
      </c>
      <c r="B7" s="7"/>
      <c r="C7" s="7"/>
      <c r="D7" s="7"/>
      <c r="E7" s="7"/>
      <c r="F7" s="7"/>
      <c r="G7" s="7"/>
      <c r="H7" s="7"/>
      <c r="I7" s="7"/>
    </row>
    <row r="9" spans="1:9" x14ac:dyDescent="0.25">
      <c r="A9" s="9" t="s">
        <v>629</v>
      </c>
      <c r="B9" s="7"/>
      <c r="C9" s="7"/>
      <c r="D9" s="7"/>
      <c r="E9" s="7"/>
      <c r="F9" s="7"/>
      <c r="G9" s="7"/>
      <c r="H9" s="7"/>
      <c r="I9" s="7"/>
    </row>
    <row r="10" spans="1:9" ht="21" x14ac:dyDescent="0.25">
      <c r="A10" s="10" t="s">
        <v>6</v>
      </c>
      <c r="B10" s="10" t="s">
        <v>630</v>
      </c>
      <c r="C10" s="10" t="s">
        <v>537</v>
      </c>
      <c r="D10" s="1" t="s">
        <v>538</v>
      </c>
    </row>
    <row r="11" spans="1:9" ht="21" x14ac:dyDescent="0.25">
      <c r="A11" s="10" t="s">
        <v>7</v>
      </c>
      <c r="B11" s="10" t="s">
        <v>7</v>
      </c>
      <c r="C11" s="10" t="s">
        <v>7</v>
      </c>
      <c r="D11" s="1" t="s">
        <v>631</v>
      </c>
    </row>
    <row r="12" spans="1:9" x14ac:dyDescent="0.25">
      <c r="A12" s="3" t="s">
        <v>17</v>
      </c>
      <c r="B12" s="5" t="s">
        <v>514</v>
      </c>
      <c r="C12" s="11">
        <v>12497740306</v>
      </c>
      <c r="D12" s="11">
        <v>12766505588.940001</v>
      </c>
    </row>
    <row r="13" spans="1:9" x14ac:dyDescent="0.25">
      <c r="A13" s="3" t="s">
        <v>19</v>
      </c>
      <c r="B13" s="5" t="s">
        <v>632</v>
      </c>
      <c r="C13" s="11">
        <v>7065256995</v>
      </c>
      <c r="D13" s="11">
        <v>7040991621.6499996</v>
      </c>
    </row>
    <row r="14" spans="1:9" x14ac:dyDescent="0.25">
      <c r="A14" s="2" t="s">
        <v>21</v>
      </c>
      <c r="B14" s="4" t="s">
        <v>633</v>
      </c>
      <c r="C14" s="12">
        <v>5360217240</v>
      </c>
      <c r="D14" s="12">
        <v>5479821018.1599998</v>
      </c>
    </row>
    <row r="15" spans="1:9" x14ac:dyDescent="0.25">
      <c r="A15" s="2" t="s">
        <v>23</v>
      </c>
      <c r="B15" s="4" t="s">
        <v>634</v>
      </c>
      <c r="C15" s="12">
        <v>278084900</v>
      </c>
      <c r="D15" s="12">
        <v>286424915.13999999</v>
      </c>
    </row>
    <row r="16" spans="1:9" x14ac:dyDescent="0.25">
      <c r="A16" s="2" t="s">
        <v>25</v>
      </c>
      <c r="B16" s="4" t="s">
        <v>635</v>
      </c>
      <c r="C16" s="12">
        <v>113849600</v>
      </c>
      <c r="D16" s="12">
        <v>142911761.56</v>
      </c>
    </row>
    <row r="17" spans="1:4" x14ac:dyDescent="0.25">
      <c r="A17" s="2" t="s">
        <v>27</v>
      </c>
      <c r="B17" s="4" t="s">
        <v>636</v>
      </c>
      <c r="C17" s="12">
        <v>949714500</v>
      </c>
      <c r="D17" s="12">
        <v>877420689.13</v>
      </c>
    </row>
    <row r="18" spans="1:4" x14ac:dyDescent="0.25">
      <c r="A18" s="2" t="s">
        <v>29</v>
      </c>
      <c r="B18" s="4" t="s">
        <v>637</v>
      </c>
      <c r="C18" s="12">
        <v>363390755</v>
      </c>
      <c r="D18" s="12">
        <v>254413237.66</v>
      </c>
    </row>
    <row r="19" spans="1:4" x14ac:dyDescent="0.25">
      <c r="A19" s="2" t="s">
        <v>31</v>
      </c>
      <c r="B19" s="4" t="s">
        <v>638</v>
      </c>
      <c r="C19" s="12">
        <v>786529000</v>
      </c>
      <c r="D19" s="12">
        <v>586343936.90999997</v>
      </c>
    </row>
    <row r="20" spans="1:4" x14ac:dyDescent="0.25">
      <c r="A20" s="3" t="s">
        <v>33</v>
      </c>
      <c r="B20" s="5" t="s">
        <v>547</v>
      </c>
      <c r="C20" s="11">
        <v>111519270</v>
      </c>
      <c r="D20" s="11">
        <v>100823456.27</v>
      </c>
    </row>
    <row r="21" spans="1:4" x14ac:dyDescent="0.25">
      <c r="A21" s="2" t="s">
        <v>35</v>
      </c>
      <c r="B21" s="4" t="s">
        <v>639</v>
      </c>
      <c r="C21" s="12">
        <v>61687300</v>
      </c>
      <c r="D21" s="12">
        <v>57947002.100000001</v>
      </c>
    </row>
    <row r="22" spans="1:4" x14ac:dyDescent="0.25">
      <c r="A22" s="2" t="s">
        <v>37</v>
      </c>
      <c r="B22" s="4" t="s">
        <v>550</v>
      </c>
      <c r="C22" s="12">
        <v>49831970</v>
      </c>
      <c r="D22" s="12">
        <v>42876454.170000002</v>
      </c>
    </row>
    <row r="23" spans="1:4" x14ac:dyDescent="0.25">
      <c r="A23" s="3" t="s">
        <v>39</v>
      </c>
      <c r="B23" s="5" t="s">
        <v>640</v>
      </c>
      <c r="C23" s="11">
        <v>3459683100</v>
      </c>
      <c r="D23" s="11">
        <v>4075543238.3299999</v>
      </c>
    </row>
    <row r="24" spans="1:4" x14ac:dyDescent="0.25">
      <c r="A24" s="2" t="s">
        <v>41</v>
      </c>
      <c r="B24" s="4" t="s">
        <v>641</v>
      </c>
      <c r="C24" s="12">
        <v>975046400</v>
      </c>
      <c r="D24" s="12">
        <v>1066393966.85</v>
      </c>
    </row>
    <row r="25" spans="1:4" x14ac:dyDescent="0.25">
      <c r="A25" s="2" t="s">
        <v>43</v>
      </c>
      <c r="B25" s="4" t="s">
        <v>642</v>
      </c>
      <c r="C25" s="12">
        <v>14573600</v>
      </c>
      <c r="D25" s="12">
        <v>0</v>
      </c>
    </row>
    <row r="26" spans="1:4" x14ac:dyDescent="0.25">
      <c r="A26" s="2" t="s">
        <v>45</v>
      </c>
      <c r="B26" s="4" t="s">
        <v>643</v>
      </c>
      <c r="C26" s="12">
        <v>58149400</v>
      </c>
      <c r="D26" s="12">
        <v>63569269.890000001</v>
      </c>
    </row>
    <row r="27" spans="1:4" x14ac:dyDescent="0.25">
      <c r="A27" s="2" t="s">
        <v>47</v>
      </c>
      <c r="B27" s="4" t="s">
        <v>644</v>
      </c>
      <c r="C27" s="12">
        <v>1153811400</v>
      </c>
      <c r="D27" s="12">
        <v>1126004407.5</v>
      </c>
    </row>
    <row r="28" spans="1:4" x14ac:dyDescent="0.25">
      <c r="A28" s="2" t="s">
        <v>49</v>
      </c>
      <c r="B28" s="4" t="s">
        <v>645</v>
      </c>
      <c r="C28" s="12">
        <v>1258102300</v>
      </c>
      <c r="D28" s="12">
        <v>1819575594.0899999</v>
      </c>
    </row>
    <row r="29" spans="1:4" x14ac:dyDescent="0.25">
      <c r="A29" s="3" t="s">
        <v>51</v>
      </c>
      <c r="B29" s="5" t="s">
        <v>646</v>
      </c>
      <c r="C29" s="11">
        <v>1074751941</v>
      </c>
      <c r="D29" s="11">
        <v>962803335.77999997</v>
      </c>
    </row>
    <row r="30" spans="1:4" x14ac:dyDescent="0.25">
      <c r="A30" s="2" t="s">
        <v>53</v>
      </c>
      <c r="B30" s="4" t="s">
        <v>647</v>
      </c>
      <c r="C30" s="12">
        <v>68700</v>
      </c>
      <c r="D30" s="12">
        <v>1832575.9</v>
      </c>
    </row>
    <row r="31" spans="1:4" x14ac:dyDescent="0.25">
      <c r="A31" s="2" t="s">
        <v>55</v>
      </c>
      <c r="B31" s="4" t="s">
        <v>648</v>
      </c>
      <c r="C31" s="12">
        <v>1074683241</v>
      </c>
      <c r="D31" s="12">
        <v>960970759.88</v>
      </c>
    </row>
    <row r="32" spans="1:4" x14ac:dyDescent="0.25">
      <c r="A32" s="2" t="s">
        <v>57</v>
      </c>
      <c r="B32" s="4" t="s">
        <v>649</v>
      </c>
      <c r="C32" s="12">
        <v>12435984306</v>
      </c>
      <c r="D32" s="12">
        <v>12706726010.940001</v>
      </c>
    </row>
    <row r="33" spans="1:4" x14ac:dyDescent="0.25">
      <c r="A33" s="3" t="s">
        <v>59</v>
      </c>
      <c r="B33" s="5" t="s">
        <v>650</v>
      </c>
      <c r="C33" s="11">
        <v>1746535561</v>
      </c>
      <c r="D33" s="11">
        <v>104967621.95999999</v>
      </c>
    </row>
    <row r="34" spans="1:4" x14ac:dyDescent="0.25">
      <c r="A34" s="2" t="s">
        <v>61</v>
      </c>
      <c r="B34" s="4" t="s">
        <v>651</v>
      </c>
      <c r="C34" s="12">
        <v>55793379</v>
      </c>
      <c r="D34" s="12">
        <v>11562423.890000001</v>
      </c>
    </row>
    <row r="35" spans="1:4" x14ac:dyDescent="0.25">
      <c r="A35" s="2" t="s">
        <v>63</v>
      </c>
      <c r="B35" s="4" t="s">
        <v>652</v>
      </c>
      <c r="C35" s="12">
        <v>6222000</v>
      </c>
      <c r="D35" s="12">
        <v>9030814.3200000003</v>
      </c>
    </row>
    <row r="36" spans="1:4" x14ac:dyDescent="0.25">
      <c r="A36" s="3" t="s">
        <v>65</v>
      </c>
      <c r="B36" s="5" t="s">
        <v>653</v>
      </c>
      <c r="C36" s="11">
        <v>6249900</v>
      </c>
      <c r="D36" s="11">
        <v>2223709.02</v>
      </c>
    </row>
    <row r="37" spans="1:4" x14ac:dyDescent="0.25">
      <c r="A37" s="2" t="s">
        <v>67</v>
      </c>
      <c r="B37" s="4" t="s">
        <v>654</v>
      </c>
      <c r="C37" s="12">
        <v>0</v>
      </c>
      <c r="D37" s="12">
        <v>0</v>
      </c>
    </row>
    <row r="38" spans="1:4" x14ac:dyDescent="0.25">
      <c r="A38" s="2" t="s">
        <v>69</v>
      </c>
      <c r="B38" s="4" t="s">
        <v>655</v>
      </c>
      <c r="C38" s="12">
        <v>0</v>
      </c>
      <c r="D38" s="12">
        <v>0</v>
      </c>
    </row>
    <row r="39" spans="1:4" x14ac:dyDescent="0.25">
      <c r="A39" s="2" t="s">
        <v>71</v>
      </c>
      <c r="B39" s="4" t="s">
        <v>656</v>
      </c>
      <c r="C39" s="12">
        <v>6249900</v>
      </c>
      <c r="D39" s="12">
        <v>2223709.02</v>
      </c>
    </row>
    <row r="40" spans="1:4" x14ac:dyDescent="0.25">
      <c r="A40" s="3" t="s">
        <v>73</v>
      </c>
      <c r="B40" s="5" t="s">
        <v>657</v>
      </c>
      <c r="C40" s="11">
        <v>1058052782</v>
      </c>
      <c r="D40" s="11">
        <v>82150674.730000004</v>
      </c>
    </row>
    <row r="41" spans="1:4" x14ac:dyDescent="0.25">
      <c r="A41" s="2" t="s">
        <v>75</v>
      </c>
      <c r="B41" s="4" t="s">
        <v>658</v>
      </c>
      <c r="C41" s="12">
        <v>392983582</v>
      </c>
      <c r="D41" s="12">
        <v>75851681.870000005</v>
      </c>
    </row>
    <row r="42" spans="1:4" x14ac:dyDescent="0.25">
      <c r="A42" s="2" t="s">
        <v>77</v>
      </c>
      <c r="B42" s="4" t="s">
        <v>659</v>
      </c>
      <c r="C42" s="12">
        <v>665069200</v>
      </c>
      <c r="D42" s="12">
        <v>6298992.8600000003</v>
      </c>
    </row>
    <row r="43" spans="1:4" x14ac:dyDescent="0.25">
      <c r="A43" s="3" t="s">
        <v>79</v>
      </c>
      <c r="B43" s="5" t="s">
        <v>559</v>
      </c>
      <c r="C43" s="11">
        <v>620217500</v>
      </c>
      <c r="D43" s="11">
        <v>0</v>
      </c>
    </row>
    <row r="44" spans="1:4" x14ac:dyDescent="0.25">
      <c r="A44" s="2" t="s">
        <v>81</v>
      </c>
      <c r="B44" s="4" t="s">
        <v>660</v>
      </c>
      <c r="C44" s="12">
        <v>0</v>
      </c>
      <c r="D44" s="12">
        <v>0</v>
      </c>
    </row>
    <row r="45" spans="1:4" x14ac:dyDescent="0.25">
      <c r="A45" s="2" t="s">
        <v>83</v>
      </c>
      <c r="B45" s="4" t="s">
        <v>661</v>
      </c>
      <c r="C45" s="12">
        <v>620217500</v>
      </c>
      <c r="D45" s="12">
        <v>0</v>
      </c>
    </row>
    <row r="46" spans="1:4" x14ac:dyDescent="0.25">
      <c r="A46" s="2" t="s">
        <v>85</v>
      </c>
      <c r="B46" s="4" t="s">
        <v>662</v>
      </c>
      <c r="C46" s="12">
        <v>1684520182</v>
      </c>
      <c r="D46" s="12">
        <v>84374383.75</v>
      </c>
    </row>
    <row r="47" spans="1:4" x14ac:dyDescent="0.25">
      <c r="A47" s="3" t="s">
        <v>87</v>
      </c>
      <c r="B47" s="5" t="s">
        <v>663</v>
      </c>
      <c r="C47" s="11">
        <v>14120504488</v>
      </c>
      <c r="D47" s="11">
        <v>12791100394.690001</v>
      </c>
    </row>
    <row r="49" spans="1:9" x14ac:dyDescent="0.25">
      <c r="A49" s="10" t="s">
        <v>6</v>
      </c>
      <c r="B49" s="10" t="s">
        <v>664</v>
      </c>
      <c r="C49" s="10" t="s">
        <v>562</v>
      </c>
      <c r="D49" s="10" t="s">
        <v>538</v>
      </c>
      <c r="E49" s="10" t="s">
        <v>7</v>
      </c>
      <c r="F49" s="10" t="s">
        <v>7</v>
      </c>
      <c r="G49" s="10" t="s">
        <v>7</v>
      </c>
      <c r="H49" s="10" t="s">
        <v>667</v>
      </c>
      <c r="I49" s="10" t="s">
        <v>667</v>
      </c>
    </row>
    <row r="50" spans="1:9" ht="21" x14ac:dyDescent="0.25">
      <c r="A50" s="10" t="s">
        <v>7</v>
      </c>
      <c r="B50" s="10" t="s">
        <v>7</v>
      </c>
      <c r="C50" s="10" t="s">
        <v>7</v>
      </c>
      <c r="D50" s="1" t="s">
        <v>168</v>
      </c>
      <c r="E50" s="1" t="s">
        <v>172</v>
      </c>
      <c r="F50" s="1" t="s">
        <v>665</v>
      </c>
      <c r="G50" s="1" t="s">
        <v>666</v>
      </c>
      <c r="H50" s="1" t="s">
        <v>668</v>
      </c>
      <c r="I50" s="1" t="s">
        <v>669</v>
      </c>
    </row>
    <row r="51" spans="1:9" x14ac:dyDescent="0.25">
      <c r="A51" s="3" t="s">
        <v>89</v>
      </c>
      <c r="B51" s="5" t="s">
        <v>670</v>
      </c>
      <c r="C51" s="11">
        <v>12637980775.32</v>
      </c>
      <c r="D51" s="11">
        <v>11438586919.98</v>
      </c>
      <c r="E51" s="11">
        <v>11250053368.969999</v>
      </c>
      <c r="F51" s="11">
        <v>10961185581.309999</v>
      </c>
      <c r="G51" s="11">
        <v>186198886.68000001</v>
      </c>
      <c r="H51" s="11">
        <v>253129846.72999999</v>
      </c>
      <c r="I51" s="11">
        <v>246012395.75</v>
      </c>
    </row>
    <row r="52" spans="1:9" x14ac:dyDescent="0.25">
      <c r="A52" s="2" t="s">
        <v>91</v>
      </c>
      <c r="B52" s="4" t="s">
        <v>671</v>
      </c>
      <c r="C52" s="12">
        <v>8662181770.9300003</v>
      </c>
      <c r="D52" s="12">
        <v>8199491958.4899998</v>
      </c>
      <c r="E52" s="12">
        <v>8197434994.8699999</v>
      </c>
      <c r="F52" s="12">
        <v>8018748522.3100004</v>
      </c>
      <c r="G52" s="12">
        <v>101866446.47</v>
      </c>
      <c r="H52" s="12">
        <v>81257825.519999996</v>
      </c>
      <c r="I52" s="12">
        <v>81230909.569999993</v>
      </c>
    </row>
    <row r="53" spans="1:9" x14ac:dyDescent="0.25">
      <c r="A53" s="2" t="s">
        <v>93</v>
      </c>
      <c r="B53" s="4" t="s">
        <v>672</v>
      </c>
      <c r="C53" s="12">
        <v>364049662</v>
      </c>
      <c r="D53" s="12">
        <v>356839296.10000002</v>
      </c>
      <c r="E53" s="12">
        <v>356839296.10000002</v>
      </c>
      <c r="F53" s="12">
        <v>356839296.10000002</v>
      </c>
      <c r="G53" s="12">
        <v>0</v>
      </c>
      <c r="H53" s="12">
        <v>0</v>
      </c>
      <c r="I53" s="12">
        <v>0</v>
      </c>
    </row>
    <row r="54" spans="1:9" x14ac:dyDescent="0.25">
      <c r="A54" s="3" t="s">
        <v>95</v>
      </c>
      <c r="B54" s="5" t="s">
        <v>673</v>
      </c>
      <c r="C54" s="11">
        <v>3611749342.3899999</v>
      </c>
      <c r="D54" s="11">
        <v>2882255665.3899999</v>
      </c>
      <c r="E54" s="11">
        <v>2695779078</v>
      </c>
      <c r="F54" s="11">
        <v>2585597762.9000001</v>
      </c>
      <c r="G54" s="11">
        <v>84332440.209999993</v>
      </c>
      <c r="H54" s="11">
        <v>171872021.21000001</v>
      </c>
      <c r="I54" s="11">
        <v>164781486.18000001</v>
      </c>
    </row>
    <row r="55" spans="1:9" x14ac:dyDescent="0.25">
      <c r="A55" s="2" t="s">
        <v>97</v>
      </c>
      <c r="B55" s="4" t="s">
        <v>529</v>
      </c>
      <c r="C55" s="12">
        <v>168000000</v>
      </c>
      <c r="D55" s="12">
        <v>168000000</v>
      </c>
      <c r="E55" s="12">
        <v>168000000</v>
      </c>
      <c r="F55" s="12">
        <v>168000000</v>
      </c>
      <c r="G55" s="12">
        <v>0</v>
      </c>
      <c r="H55" s="12">
        <v>0</v>
      </c>
      <c r="I55" s="12">
        <v>0</v>
      </c>
    </row>
    <row r="56" spans="1:9" x14ac:dyDescent="0.25">
      <c r="A56" s="2" t="s">
        <v>99</v>
      </c>
      <c r="B56" s="4" t="s">
        <v>674</v>
      </c>
      <c r="C56" s="12">
        <v>3443749342.3899999</v>
      </c>
      <c r="D56" s="12">
        <v>2714255665.3899999</v>
      </c>
      <c r="E56" s="12">
        <v>2527779078</v>
      </c>
      <c r="F56" s="12">
        <v>2417597762.9000001</v>
      </c>
      <c r="G56" s="12">
        <v>84332440.209999993</v>
      </c>
      <c r="H56" s="12">
        <v>171872021.21000001</v>
      </c>
      <c r="I56" s="12">
        <v>164781486.18000001</v>
      </c>
    </row>
    <row r="57" spans="1:9" x14ac:dyDescent="0.25">
      <c r="A57" s="2" t="s">
        <v>101</v>
      </c>
      <c r="B57" s="4" t="s">
        <v>675</v>
      </c>
      <c r="C57" s="12">
        <v>12273931113.32</v>
      </c>
      <c r="D57" s="12">
        <v>11081747623.879999</v>
      </c>
      <c r="E57" s="12">
        <v>10893214072.870001</v>
      </c>
      <c r="F57" s="12">
        <v>10604346285.209999</v>
      </c>
      <c r="G57" s="12">
        <v>186198886.68000001</v>
      </c>
      <c r="H57" s="12">
        <v>253129846.72999999</v>
      </c>
      <c r="I57" s="12">
        <v>246012395.75</v>
      </c>
    </row>
    <row r="58" spans="1:9" x14ac:dyDescent="0.25">
      <c r="A58" s="3" t="s">
        <v>103</v>
      </c>
      <c r="B58" s="5" t="s">
        <v>676</v>
      </c>
      <c r="C58" s="11">
        <v>1868325285.3399999</v>
      </c>
      <c r="D58" s="11">
        <v>1301052030.76</v>
      </c>
      <c r="E58" s="11">
        <v>1144539197.3399999</v>
      </c>
      <c r="F58" s="11">
        <v>1140691385.4300001</v>
      </c>
      <c r="G58" s="11">
        <v>15907966.359999999</v>
      </c>
      <c r="H58" s="11">
        <v>94374393.370000005</v>
      </c>
      <c r="I58" s="11">
        <v>91956197.049999997</v>
      </c>
    </row>
    <row r="59" spans="1:9" x14ac:dyDescent="0.25">
      <c r="A59" s="2" t="s">
        <v>105</v>
      </c>
      <c r="B59" s="4" t="s">
        <v>677</v>
      </c>
      <c r="C59" s="12">
        <v>1622565813</v>
      </c>
      <c r="D59" s="12">
        <v>1068213335.76</v>
      </c>
      <c r="E59" s="12">
        <v>911700502.34000003</v>
      </c>
      <c r="F59" s="12">
        <v>907852690.42999995</v>
      </c>
      <c r="G59" s="12">
        <v>15907486.779999999</v>
      </c>
      <c r="H59" s="12">
        <v>94374393.370000005</v>
      </c>
      <c r="I59" s="12">
        <v>91956197.049999997</v>
      </c>
    </row>
    <row r="60" spans="1:9" x14ac:dyDescent="0.25">
      <c r="A60" s="3" t="s">
        <v>107</v>
      </c>
      <c r="B60" s="5" t="s">
        <v>678</v>
      </c>
      <c r="C60" s="11">
        <v>7979349</v>
      </c>
      <c r="D60" s="11">
        <v>0</v>
      </c>
      <c r="E60" s="11">
        <v>0</v>
      </c>
      <c r="F60" s="11">
        <v>0</v>
      </c>
      <c r="G60" s="11">
        <v>0</v>
      </c>
      <c r="H60" s="11">
        <v>0</v>
      </c>
      <c r="I60" s="11">
        <v>0</v>
      </c>
    </row>
    <row r="61" spans="1:9" x14ac:dyDescent="0.25">
      <c r="A61" s="2" t="s">
        <v>109</v>
      </c>
      <c r="B61" s="4" t="s">
        <v>679</v>
      </c>
      <c r="C61" s="12">
        <v>0</v>
      </c>
      <c r="D61" s="12">
        <v>0</v>
      </c>
      <c r="E61" s="12">
        <v>0</v>
      </c>
      <c r="F61" s="12">
        <v>0</v>
      </c>
      <c r="G61" s="12">
        <v>0</v>
      </c>
      <c r="H61" s="12">
        <v>0</v>
      </c>
      <c r="I61" s="12">
        <v>0</v>
      </c>
    </row>
    <row r="62" spans="1:9" x14ac:dyDescent="0.25">
      <c r="A62" s="2" t="s">
        <v>111</v>
      </c>
      <c r="B62" s="4" t="s">
        <v>680</v>
      </c>
      <c r="C62" s="12">
        <v>0</v>
      </c>
      <c r="D62" s="12">
        <v>0</v>
      </c>
      <c r="E62" s="12">
        <v>0</v>
      </c>
      <c r="F62" s="12">
        <v>0</v>
      </c>
      <c r="G62" s="12">
        <v>0</v>
      </c>
      <c r="H62" s="12">
        <v>0</v>
      </c>
      <c r="I62" s="12">
        <v>0</v>
      </c>
    </row>
    <row r="63" spans="1:9" x14ac:dyDescent="0.25">
      <c r="A63" s="2" t="s">
        <v>113</v>
      </c>
      <c r="B63" s="4" t="s">
        <v>681</v>
      </c>
      <c r="C63" s="12">
        <v>0</v>
      </c>
      <c r="D63" s="12">
        <v>0</v>
      </c>
      <c r="E63" s="12">
        <v>0</v>
      </c>
      <c r="F63" s="12">
        <v>0</v>
      </c>
      <c r="G63" s="12">
        <v>0</v>
      </c>
      <c r="H63" s="12">
        <v>0</v>
      </c>
      <c r="I63" s="12">
        <v>0</v>
      </c>
    </row>
    <row r="64" spans="1:9" x14ac:dyDescent="0.25">
      <c r="A64" s="2" t="s">
        <v>115</v>
      </c>
      <c r="B64" s="4" t="s">
        <v>682</v>
      </c>
      <c r="C64" s="12">
        <v>7979349</v>
      </c>
      <c r="D64" s="12">
        <v>0</v>
      </c>
      <c r="E64" s="12">
        <v>0</v>
      </c>
      <c r="F64" s="12">
        <v>0</v>
      </c>
      <c r="G64" s="12">
        <v>0</v>
      </c>
      <c r="H64" s="12">
        <v>0</v>
      </c>
      <c r="I64" s="12">
        <v>0</v>
      </c>
    </row>
    <row r="65" spans="1:9" x14ac:dyDescent="0.25">
      <c r="A65" s="2" t="s">
        <v>117</v>
      </c>
      <c r="B65" s="4" t="s">
        <v>683</v>
      </c>
      <c r="C65" s="12">
        <v>237780123.34</v>
      </c>
      <c r="D65" s="12">
        <v>232838695</v>
      </c>
      <c r="E65" s="12">
        <v>232838695</v>
      </c>
      <c r="F65" s="12">
        <v>232838695</v>
      </c>
      <c r="G65" s="12">
        <v>479.58</v>
      </c>
      <c r="H65" s="12">
        <v>0</v>
      </c>
      <c r="I65" s="12">
        <v>0</v>
      </c>
    </row>
    <row r="66" spans="1:9" x14ac:dyDescent="0.25">
      <c r="A66" s="2" t="s">
        <v>119</v>
      </c>
      <c r="B66" s="4" t="s">
        <v>684</v>
      </c>
      <c r="C66" s="12">
        <v>1630545162</v>
      </c>
      <c r="D66" s="12">
        <v>1068213335.76</v>
      </c>
      <c r="E66" s="12">
        <v>911700502.34000003</v>
      </c>
      <c r="F66" s="12">
        <v>907852690.42999995</v>
      </c>
      <c r="G66" s="12">
        <v>15907486.779999999</v>
      </c>
      <c r="H66" s="12">
        <v>94374393.370000005</v>
      </c>
      <c r="I66" s="12">
        <v>91956197.049999997</v>
      </c>
    </row>
    <row r="67" spans="1:9" x14ac:dyDescent="0.25">
      <c r="A67" s="2" t="s">
        <v>120</v>
      </c>
      <c r="B67" s="4" t="s">
        <v>685</v>
      </c>
      <c r="C67" s="12">
        <v>0</v>
      </c>
      <c r="D67" s="12">
        <v>0</v>
      </c>
      <c r="E67" s="12">
        <v>0</v>
      </c>
      <c r="F67" s="12">
        <v>0</v>
      </c>
      <c r="G67" s="12">
        <v>0</v>
      </c>
      <c r="H67" s="12">
        <v>0</v>
      </c>
      <c r="I67" s="12">
        <v>0</v>
      </c>
    </row>
    <row r="68" spans="1:9" x14ac:dyDescent="0.25">
      <c r="A68" s="3" t="s">
        <v>121</v>
      </c>
      <c r="B68" s="5" t="s">
        <v>686</v>
      </c>
      <c r="C68" s="11">
        <v>13904476275.32</v>
      </c>
      <c r="D68" s="11">
        <v>12149960959.639999</v>
      </c>
      <c r="E68" s="11">
        <v>11804914575.209999</v>
      </c>
      <c r="F68" s="11">
        <v>11512198975.639999</v>
      </c>
      <c r="G68" s="11">
        <v>202106373.46000001</v>
      </c>
      <c r="H68" s="11">
        <v>347504240.10000002</v>
      </c>
      <c r="I68" s="11">
        <v>337968592.80000001</v>
      </c>
    </row>
    <row r="70" spans="1:9" x14ac:dyDescent="0.25">
      <c r="A70" s="10" t="s">
        <v>6</v>
      </c>
      <c r="B70" s="10" t="s">
        <v>687</v>
      </c>
      <c r="C70" s="10" t="s">
        <v>688</v>
      </c>
    </row>
    <row r="71" spans="1:9" x14ac:dyDescent="0.25">
      <c r="A71" s="10" t="s">
        <v>7</v>
      </c>
      <c r="B71" s="10" t="s">
        <v>7</v>
      </c>
      <c r="C71" s="10" t="s">
        <v>7</v>
      </c>
    </row>
    <row r="72" spans="1:9" x14ac:dyDescent="0.25">
      <c r="A72" s="2" t="s">
        <v>122</v>
      </c>
      <c r="B72" s="4" t="s">
        <v>689</v>
      </c>
      <c r="C72" s="12">
        <v>738826452.78999996</v>
      </c>
    </row>
    <row r="74" spans="1:9" x14ac:dyDescent="0.25">
      <c r="A74" s="10" t="s">
        <v>6</v>
      </c>
      <c r="B74" s="10" t="s">
        <v>690</v>
      </c>
      <c r="C74" s="10" t="s">
        <v>691</v>
      </c>
    </row>
    <row r="75" spans="1:9" x14ac:dyDescent="0.25">
      <c r="A75" s="10" t="s">
        <v>7</v>
      </c>
      <c r="B75" s="10" t="s">
        <v>7</v>
      </c>
      <c r="C75" s="10" t="s">
        <v>7</v>
      </c>
    </row>
    <row r="76" spans="1:9" x14ac:dyDescent="0.25">
      <c r="A76" s="2" t="s">
        <v>123</v>
      </c>
      <c r="B76" s="4" t="s">
        <v>692</v>
      </c>
      <c r="C76" s="12">
        <v>484894706.06</v>
      </c>
    </row>
    <row r="78" spans="1:9" ht="21" x14ac:dyDescent="0.25">
      <c r="A78" s="10" t="s">
        <v>6</v>
      </c>
      <c r="B78" s="10" t="s">
        <v>693</v>
      </c>
      <c r="C78" s="1" t="s">
        <v>538</v>
      </c>
    </row>
    <row r="79" spans="1:9" ht="21" x14ac:dyDescent="0.25">
      <c r="A79" s="10" t="s">
        <v>7</v>
      </c>
      <c r="B79" s="10" t="s">
        <v>7</v>
      </c>
      <c r="C79" s="1" t="s">
        <v>694</v>
      </c>
    </row>
    <row r="80" spans="1:9" x14ac:dyDescent="0.25">
      <c r="A80" s="2" t="s">
        <v>124</v>
      </c>
      <c r="B80" s="4" t="s">
        <v>695</v>
      </c>
      <c r="C80" s="12">
        <v>172826411.25</v>
      </c>
    </row>
    <row r="81" spans="1:4" x14ac:dyDescent="0.25">
      <c r="A81" s="2" t="s">
        <v>125</v>
      </c>
      <c r="B81" s="4" t="s">
        <v>696</v>
      </c>
      <c r="C81" s="12">
        <v>543969972.46000004</v>
      </c>
    </row>
    <row r="83" spans="1:4" x14ac:dyDescent="0.25">
      <c r="A83" s="10" t="s">
        <v>6</v>
      </c>
      <c r="B83" s="10" t="s">
        <v>697</v>
      </c>
      <c r="C83" s="10" t="s">
        <v>694</v>
      </c>
    </row>
    <row r="84" spans="1:4" x14ac:dyDescent="0.25">
      <c r="A84" s="10" t="s">
        <v>7</v>
      </c>
      <c r="B84" s="10" t="s">
        <v>7</v>
      </c>
      <c r="C84" s="10" t="s">
        <v>7</v>
      </c>
    </row>
    <row r="85" spans="1:4" x14ac:dyDescent="0.25">
      <c r="A85" s="2" t="s">
        <v>126</v>
      </c>
      <c r="B85" s="4" t="s">
        <v>698</v>
      </c>
      <c r="C85" s="12">
        <v>367682891.57999998</v>
      </c>
    </row>
    <row r="87" spans="1:4" x14ac:dyDescent="0.25">
      <c r="A87" s="10" t="s">
        <v>6</v>
      </c>
      <c r="B87" s="10" t="s">
        <v>699</v>
      </c>
      <c r="C87" s="10" t="s">
        <v>691</v>
      </c>
    </row>
    <row r="88" spans="1:4" x14ac:dyDescent="0.25">
      <c r="A88" s="10" t="s">
        <v>7</v>
      </c>
      <c r="B88" s="10" t="s">
        <v>7</v>
      </c>
      <c r="C88" s="10" t="s">
        <v>7</v>
      </c>
    </row>
    <row r="89" spans="1:4" x14ac:dyDescent="0.25">
      <c r="A89" s="2" t="s">
        <v>127</v>
      </c>
      <c r="B89" s="4" t="s">
        <v>692</v>
      </c>
      <c r="C89" s="12">
        <v>226599889.78999999</v>
      </c>
    </row>
    <row r="91" spans="1:4" x14ac:dyDescent="0.25">
      <c r="A91" s="10" t="s">
        <v>6</v>
      </c>
      <c r="B91" s="10" t="s">
        <v>700</v>
      </c>
      <c r="C91" s="10" t="s">
        <v>701</v>
      </c>
      <c r="D91" s="10" t="s">
        <v>701</v>
      </c>
    </row>
    <row r="92" spans="1:4" ht="21" x14ac:dyDescent="0.25">
      <c r="A92" s="10" t="s">
        <v>7</v>
      </c>
      <c r="B92" s="10" t="s">
        <v>7</v>
      </c>
      <c r="C92" s="1" t="s">
        <v>702</v>
      </c>
      <c r="D92" s="1" t="s">
        <v>373</v>
      </c>
    </row>
    <row r="93" spans="1:4" x14ac:dyDescent="0.25">
      <c r="A93" s="2" t="s">
        <v>129</v>
      </c>
      <c r="B93" s="4" t="s">
        <v>703</v>
      </c>
      <c r="C93" s="12">
        <v>9141710365.2700005</v>
      </c>
      <c r="D93" s="12">
        <v>9026509619.5300007</v>
      </c>
    </row>
    <row r="94" spans="1:4" x14ac:dyDescent="0.25">
      <c r="A94" s="3" t="s">
        <v>131</v>
      </c>
      <c r="B94" s="5" t="s">
        <v>704</v>
      </c>
      <c r="C94" s="11">
        <v>1369349518.21</v>
      </c>
      <c r="D94" s="11">
        <v>1690332946.6600001</v>
      </c>
    </row>
    <row r="95" spans="1:4" x14ac:dyDescent="0.25">
      <c r="A95" s="3" t="s">
        <v>133</v>
      </c>
      <c r="B95" s="5" t="s">
        <v>705</v>
      </c>
      <c r="C95" s="11">
        <v>1125535341.3199999</v>
      </c>
      <c r="D95" s="11">
        <v>1403225570.4000001</v>
      </c>
    </row>
    <row r="96" spans="1:4" x14ac:dyDescent="0.25">
      <c r="A96" s="2" t="s">
        <v>135</v>
      </c>
      <c r="B96" s="4" t="s">
        <v>706</v>
      </c>
      <c r="C96" s="12">
        <v>1499137882.29</v>
      </c>
      <c r="D96" s="12">
        <v>1781205968.45</v>
      </c>
    </row>
    <row r="97" spans="1:4" x14ac:dyDescent="0.25">
      <c r="A97" s="2" t="s">
        <v>137</v>
      </c>
      <c r="B97" s="4" t="s">
        <v>707</v>
      </c>
      <c r="C97" s="12">
        <v>373602540.97000003</v>
      </c>
      <c r="D97" s="12">
        <v>377980398.05000001</v>
      </c>
    </row>
    <row r="98" spans="1:4" x14ac:dyDescent="0.25">
      <c r="A98" s="2" t="s">
        <v>139</v>
      </c>
      <c r="B98" s="4" t="s">
        <v>708</v>
      </c>
      <c r="C98" s="12">
        <v>243814176.88999999</v>
      </c>
      <c r="D98" s="12">
        <v>287107376.25999999</v>
      </c>
    </row>
    <row r="99" spans="1:4" x14ac:dyDescent="0.25">
      <c r="A99" s="3" t="s">
        <v>141</v>
      </c>
      <c r="B99" s="5" t="s">
        <v>709</v>
      </c>
      <c r="C99" s="11">
        <v>7772360847.0600004</v>
      </c>
      <c r="D99" s="11">
        <v>7336176672.8699999</v>
      </c>
    </row>
    <row r="101" spans="1:4" x14ac:dyDescent="0.25">
      <c r="A101" s="10" t="s">
        <v>6</v>
      </c>
      <c r="B101" s="10" t="s">
        <v>710</v>
      </c>
      <c r="C101" s="10" t="s">
        <v>711</v>
      </c>
    </row>
    <row r="102" spans="1:4" x14ac:dyDescent="0.25">
      <c r="A102" s="10" t="s">
        <v>7</v>
      </c>
      <c r="B102" s="10" t="s">
        <v>7</v>
      </c>
      <c r="C102" s="10" t="s">
        <v>7</v>
      </c>
    </row>
    <row r="103" spans="1:4" x14ac:dyDescent="0.25">
      <c r="A103" s="2" t="s">
        <v>143</v>
      </c>
      <c r="B103" s="4" t="s">
        <v>712</v>
      </c>
      <c r="C103" s="12">
        <v>436184174.19</v>
      </c>
    </row>
    <row r="105" spans="1:4" x14ac:dyDescent="0.25">
      <c r="A105" s="10" t="s">
        <v>6</v>
      </c>
      <c r="B105" s="10" t="s">
        <v>713</v>
      </c>
      <c r="C105" s="10" t="s">
        <v>711</v>
      </c>
    </row>
    <row r="106" spans="1:4" x14ac:dyDescent="0.25">
      <c r="A106" s="10" t="s">
        <v>7</v>
      </c>
      <c r="B106" s="10" t="s">
        <v>7</v>
      </c>
      <c r="C106" s="10" t="s">
        <v>7</v>
      </c>
    </row>
    <row r="107" spans="1:4" x14ac:dyDescent="0.25">
      <c r="A107" s="2" t="s">
        <v>145</v>
      </c>
      <c r="B107" s="4" t="s">
        <v>714</v>
      </c>
      <c r="C107" s="12">
        <v>-4377857.08</v>
      </c>
    </row>
    <row r="108" spans="1:4" x14ac:dyDescent="0.25">
      <c r="A108" s="2" t="s">
        <v>147</v>
      </c>
      <c r="B108" s="4" t="s">
        <v>715</v>
      </c>
      <c r="C108" s="12">
        <v>0</v>
      </c>
    </row>
    <row r="109" spans="1:4" x14ac:dyDescent="0.25">
      <c r="A109" s="2" t="s">
        <v>149</v>
      </c>
      <c r="B109" s="4" t="s">
        <v>716</v>
      </c>
      <c r="C109" s="12">
        <v>8680872.9700000007</v>
      </c>
    </row>
    <row r="110" spans="1:4" x14ac:dyDescent="0.25">
      <c r="A110" s="2" t="s">
        <v>151</v>
      </c>
      <c r="B110" s="4" t="s">
        <v>717</v>
      </c>
      <c r="C110" s="12">
        <v>0</v>
      </c>
    </row>
    <row r="111" spans="1:4" x14ac:dyDescent="0.25">
      <c r="A111" s="2" t="s">
        <v>152</v>
      </c>
      <c r="B111" s="4" t="s">
        <v>718</v>
      </c>
      <c r="C111" s="12">
        <v>176234697.47999999</v>
      </c>
    </row>
    <row r="112" spans="1:4" x14ac:dyDescent="0.25">
      <c r="A112" s="2" t="s">
        <v>153</v>
      </c>
      <c r="B112" s="4" t="s">
        <v>719</v>
      </c>
      <c r="C112" s="12">
        <v>0</v>
      </c>
    </row>
    <row r="113" spans="1:8" x14ac:dyDescent="0.25">
      <c r="A113" s="2" t="s">
        <v>155</v>
      </c>
      <c r="B113" s="4" t="s">
        <v>720</v>
      </c>
      <c r="C113" s="12">
        <v>273008206.75999999</v>
      </c>
    </row>
    <row r="115" spans="1:8" x14ac:dyDescent="0.25">
      <c r="A115" s="10" t="s">
        <v>6</v>
      </c>
      <c r="B115" s="10" t="s">
        <v>721</v>
      </c>
      <c r="C115" s="10" t="s">
        <v>583</v>
      </c>
    </row>
    <row r="116" spans="1:8" x14ac:dyDescent="0.25">
      <c r="A116" s="10" t="s">
        <v>7</v>
      </c>
      <c r="B116" s="10" t="s">
        <v>7</v>
      </c>
      <c r="C116" s="10" t="s">
        <v>7</v>
      </c>
    </row>
    <row r="117" spans="1:8" x14ac:dyDescent="0.25">
      <c r="A117" s="2" t="s">
        <v>157</v>
      </c>
      <c r="B117" s="4" t="s">
        <v>722</v>
      </c>
      <c r="C117" s="12">
        <v>644151767.97000003</v>
      </c>
    </row>
    <row r="119" spans="1:8" x14ac:dyDescent="0.25">
      <c r="A119" s="10" t="s">
        <v>6</v>
      </c>
      <c r="B119" s="10" t="s">
        <v>723</v>
      </c>
      <c r="C119" s="10" t="s">
        <v>583</v>
      </c>
    </row>
    <row r="120" spans="1:8" x14ac:dyDescent="0.25">
      <c r="A120" s="10" t="s">
        <v>7</v>
      </c>
      <c r="B120" s="10" t="s">
        <v>7</v>
      </c>
      <c r="C120" s="10" t="s">
        <v>7</v>
      </c>
    </row>
    <row r="121" spans="1:8" x14ac:dyDescent="0.25">
      <c r="A121" s="3" t="s">
        <v>159</v>
      </c>
      <c r="B121" s="5" t="s">
        <v>724</v>
      </c>
      <c r="C121" s="11">
        <v>105494050.52</v>
      </c>
    </row>
    <row r="122" spans="1:8" x14ac:dyDescent="0.25">
      <c r="A122" s="2" t="s">
        <v>161</v>
      </c>
      <c r="B122" s="4" t="s">
        <v>162</v>
      </c>
      <c r="C122" s="12">
        <v>0</v>
      </c>
    </row>
    <row r="123" spans="1:8" x14ac:dyDescent="0.25">
      <c r="A123" s="2" t="s">
        <v>163</v>
      </c>
      <c r="B123" s="4" t="s">
        <v>725</v>
      </c>
      <c r="C123" s="12">
        <v>105494050.52</v>
      </c>
    </row>
    <row r="124" spans="1:8" x14ac:dyDescent="0.25">
      <c r="A124" s="2" t="s">
        <v>178</v>
      </c>
      <c r="B124" s="4" t="s">
        <v>585</v>
      </c>
      <c r="C124" s="12">
        <v>0</v>
      </c>
    </row>
    <row r="126" spans="1:8" x14ac:dyDescent="0.25">
      <c r="A126" s="10" t="s">
        <v>6</v>
      </c>
      <c r="B126" s="10" t="s">
        <v>726</v>
      </c>
      <c r="C126" s="10" t="s">
        <v>168</v>
      </c>
      <c r="D126" s="10" t="s">
        <v>7</v>
      </c>
      <c r="E126" s="10" t="s">
        <v>172</v>
      </c>
      <c r="F126" s="10" t="s">
        <v>7</v>
      </c>
      <c r="G126" s="10" t="s">
        <v>729</v>
      </c>
      <c r="H126" s="10" t="s">
        <v>729</v>
      </c>
    </row>
    <row r="127" spans="1:8" ht="31.5" x14ac:dyDescent="0.25">
      <c r="A127" s="10" t="s">
        <v>7</v>
      </c>
      <c r="B127" s="10" t="s">
        <v>7</v>
      </c>
      <c r="C127" s="1" t="s">
        <v>727</v>
      </c>
      <c r="D127" s="1" t="s">
        <v>728</v>
      </c>
      <c r="E127" s="1" t="s">
        <v>727</v>
      </c>
      <c r="F127" s="1" t="s">
        <v>728</v>
      </c>
      <c r="G127" s="1" t="s">
        <v>727</v>
      </c>
      <c r="H127" s="1" t="s">
        <v>728</v>
      </c>
    </row>
    <row r="128" spans="1:8" x14ac:dyDescent="0.25">
      <c r="A128" s="3" t="s">
        <v>180</v>
      </c>
      <c r="B128" s="5" t="s">
        <v>730</v>
      </c>
      <c r="C128" s="11">
        <v>13115369532.33</v>
      </c>
      <c r="D128" s="11">
        <v>13765239244.34</v>
      </c>
      <c r="E128" s="11">
        <v>12538400239.040001</v>
      </c>
      <c r="F128" s="11">
        <v>13576701473.33</v>
      </c>
      <c r="G128" s="11">
        <v>576969293.28999996</v>
      </c>
      <c r="H128" s="11">
        <v>188537771.00999999</v>
      </c>
    </row>
    <row r="129" spans="1:8" x14ac:dyDescent="0.25">
      <c r="A129" s="2" t="s">
        <v>182</v>
      </c>
      <c r="B129" s="4" t="s">
        <v>671</v>
      </c>
      <c r="C129" s="12">
        <v>9286499226.6200008</v>
      </c>
      <c r="D129" s="12">
        <v>10426670770.639999</v>
      </c>
      <c r="E129" s="12">
        <v>8942806391.6499996</v>
      </c>
      <c r="F129" s="12">
        <v>10424613807.02</v>
      </c>
      <c r="G129" s="12">
        <v>343692834.97000003</v>
      </c>
      <c r="H129" s="12">
        <v>2056963.62</v>
      </c>
    </row>
    <row r="130" spans="1:8" x14ac:dyDescent="0.25">
      <c r="A130" s="2" t="s">
        <v>184</v>
      </c>
      <c r="B130" s="4" t="s">
        <v>731</v>
      </c>
      <c r="C130" s="12">
        <v>336980688.60000002</v>
      </c>
      <c r="D130" s="12">
        <v>356839296.10000002</v>
      </c>
      <c r="E130" s="12">
        <v>336980688.60000002</v>
      </c>
      <c r="F130" s="12">
        <v>356839296.10000002</v>
      </c>
      <c r="G130" s="12">
        <v>0</v>
      </c>
      <c r="H130" s="12">
        <v>0</v>
      </c>
    </row>
    <row r="131" spans="1:8" x14ac:dyDescent="0.25">
      <c r="A131" s="2" t="s">
        <v>186</v>
      </c>
      <c r="B131" s="4" t="s">
        <v>673</v>
      </c>
      <c r="C131" s="12">
        <v>3491889617.1100001</v>
      </c>
      <c r="D131" s="12">
        <v>2981729177.5999999</v>
      </c>
      <c r="E131" s="12">
        <v>3258613158.79</v>
      </c>
      <c r="F131" s="12">
        <v>2795248370.21</v>
      </c>
      <c r="G131" s="12">
        <v>233276458.31999999</v>
      </c>
      <c r="H131" s="12">
        <v>186480807.38999999</v>
      </c>
    </row>
    <row r="132" spans="1:8" x14ac:dyDescent="0.25">
      <c r="A132" s="2" t="s">
        <v>188</v>
      </c>
      <c r="B132" s="4" t="s">
        <v>732</v>
      </c>
      <c r="C132" s="12">
        <v>12778388843.73</v>
      </c>
      <c r="D132" s="12">
        <v>13408399948.24</v>
      </c>
      <c r="E132" s="12">
        <v>12201419550.440001</v>
      </c>
      <c r="F132" s="12">
        <v>13219862177.23</v>
      </c>
      <c r="G132" s="12">
        <v>576969293.28999996</v>
      </c>
      <c r="H132" s="12">
        <v>188537771.00999999</v>
      </c>
    </row>
    <row r="133" spans="1:8" x14ac:dyDescent="0.25">
      <c r="A133" s="2" t="s">
        <v>190</v>
      </c>
      <c r="B133" s="4" t="s">
        <v>733</v>
      </c>
      <c r="C133" s="12">
        <v>154000000</v>
      </c>
      <c r="D133" s="12">
        <v>168000000</v>
      </c>
      <c r="E133" s="12">
        <v>154000000</v>
      </c>
      <c r="F133" s="12">
        <v>168000000</v>
      </c>
      <c r="G133" s="12">
        <v>0</v>
      </c>
      <c r="H133" s="12">
        <v>0</v>
      </c>
    </row>
    <row r="134" spans="1:8" x14ac:dyDescent="0.25">
      <c r="A134" s="2" t="s">
        <v>192</v>
      </c>
      <c r="B134" s="4" t="s">
        <v>734</v>
      </c>
      <c r="C134" s="12">
        <v>71290438.420000002</v>
      </c>
      <c r="D134" s="12">
        <v>92848490.579999998</v>
      </c>
      <c r="E134" s="12">
        <v>71231186.659999996</v>
      </c>
      <c r="F134" s="12">
        <v>92818908.450000003</v>
      </c>
      <c r="G134" s="12">
        <v>59251.76</v>
      </c>
      <c r="H134" s="12">
        <v>29582.13</v>
      </c>
    </row>
    <row r="135" spans="1:8" x14ac:dyDescent="0.25">
      <c r="A135" s="2" t="s">
        <v>194</v>
      </c>
      <c r="B135" s="4" t="s">
        <v>735</v>
      </c>
      <c r="C135" s="12">
        <v>12553098405.309999</v>
      </c>
      <c r="D135" s="12">
        <v>13147551457.66</v>
      </c>
      <c r="E135" s="12">
        <v>11976188363.780001</v>
      </c>
      <c r="F135" s="12">
        <v>12959043268.780001</v>
      </c>
      <c r="G135" s="12">
        <v>576910041.52999997</v>
      </c>
      <c r="H135" s="12">
        <v>188508188.88</v>
      </c>
    </row>
  </sheetData>
  <mergeCells count="48">
    <mergeCell ref="A126:A127"/>
    <mergeCell ref="B126:B127"/>
    <mergeCell ref="C126:D126"/>
    <mergeCell ref="E126:F126"/>
    <mergeCell ref="G126:H126"/>
    <mergeCell ref="A115:A116"/>
    <mergeCell ref="B115:B116"/>
    <mergeCell ref="C115:C116"/>
    <mergeCell ref="A119:A120"/>
    <mergeCell ref="B119:B120"/>
    <mergeCell ref="C119:C120"/>
    <mergeCell ref="A101:A102"/>
    <mergeCell ref="B101:B102"/>
    <mergeCell ref="C101:C102"/>
    <mergeCell ref="A105:A106"/>
    <mergeCell ref="B105:B106"/>
    <mergeCell ref="C105:C106"/>
    <mergeCell ref="A87:A88"/>
    <mergeCell ref="B87:B88"/>
    <mergeCell ref="C87:C88"/>
    <mergeCell ref="A91:A92"/>
    <mergeCell ref="B91:B92"/>
    <mergeCell ref="C91:D91"/>
    <mergeCell ref="A78:A79"/>
    <mergeCell ref="B78:B79"/>
    <mergeCell ref="A83:A84"/>
    <mergeCell ref="B83:B84"/>
    <mergeCell ref="C83:C84"/>
    <mergeCell ref="A70:A71"/>
    <mergeCell ref="B70:B71"/>
    <mergeCell ref="C70:C71"/>
    <mergeCell ref="A74:A75"/>
    <mergeCell ref="B74:B75"/>
    <mergeCell ref="C74:C75"/>
    <mergeCell ref="A9:I9"/>
    <mergeCell ref="A10:A11"/>
    <mergeCell ref="B10:B11"/>
    <mergeCell ref="C10:C11"/>
    <mergeCell ref="A49:A50"/>
    <mergeCell ref="B49:B50"/>
    <mergeCell ref="C49:C50"/>
    <mergeCell ref="D49:G49"/>
    <mergeCell ref="H49:I49"/>
    <mergeCell ref="A3:I3"/>
    <mergeCell ref="A4:I4"/>
    <mergeCell ref="A5:I5"/>
    <mergeCell ref="A6:I6"/>
    <mergeCell ref="A7:I7"/>
  </mergeCells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N40"/>
  <sheetViews>
    <sheetView showGridLines="0" workbookViewId="0"/>
  </sheetViews>
  <sheetFormatPr defaultRowHeight="15" x14ac:dyDescent="0.25"/>
  <cols>
    <col min="2" max="2" width="52.5703125" bestFit="1" customWidth="1"/>
    <col min="3" max="3" width="16" bestFit="1" customWidth="1"/>
    <col min="4" max="5" width="17.28515625" bestFit="1" customWidth="1"/>
    <col min="6" max="8" width="16" bestFit="1" customWidth="1"/>
    <col min="9" max="12" width="17.28515625" bestFit="1" customWidth="1"/>
    <col min="13" max="13" width="16" bestFit="1" customWidth="1"/>
    <col min="14" max="14" width="17.28515625" bestFit="1" customWidth="1"/>
  </cols>
  <sheetData>
    <row r="3" spans="1:14" x14ac:dyDescent="0.25">
      <c r="A3" s="6" t="s">
        <v>0</v>
      </c>
      <c r="B3" s="7"/>
      <c r="C3" s="7"/>
      <c r="D3" s="7"/>
      <c r="E3" s="7"/>
      <c r="F3" s="7"/>
      <c r="G3" s="7"/>
      <c r="H3" s="7"/>
      <c r="I3" s="7"/>
      <c r="J3" s="7"/>
      <c r="K3" s="7"/>
      <c r="L3" s="7"/>
      <c r="M3" s="7"/>
      <c r="N3" s="7"/>
    </row>
    <row r="4" spans="1:14" x14ac:dyDescent="0.25">
      <c r="A4" s="6" t="s">
        <v>1</v>
      </c>
      <c r="B4" s="7"/>
      <c r="C4" s="7"/>
      <c r="D4" s="7"/>
      <c r="E4" s="7"/>
      <c r="F4" s="7"/>
      <c r="G4" s="7"/>
      <c r="H4" s="7"/>
      <c r="I4" s="7"/>
      <c r="J4" s="7"/>
      <c r="K4" s="7"/>
      <c r="L4" s="7"/>
      <c r="M4" s="7"/>
      <c r="N4" s="7"/>
    </row>
    <row r="5" spans="1:14" x14ac:dyDescent="0.25">
      <c r="A5" s="8" t="s">
        <v>736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</row>
    <row r="6" spans="1:14" x14ac:dyDescent="0.25">
      <c r="A6" s="6" t="s">
        <v>3</v>
      </c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  <c r="N6" s="7"/>
    </row>
    <row r="7" spans="1:14" x14ac:dyDescent="0.25">
      <c r="A7" s="6" t="s">
        <v>4</v>
      </c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  <c r="N7" s="7"/>
    </row>
    <row r="9" spans="1:14" x14ac:dyDescent="0.25">
      <c r="A9" s="9" t="s">
        <v>737</v>
      </c>
      <c r="B9" s="7"/>
      <c r="C9" s="7"/>
      <c r="D9" s="7"/>
      <c r="E9" s="7"/>
      <c r="F9" s="7"/>
      <c r="G9" s="7"/>
      <c r="H9" s="7"/>
      <c r="I9" s="7"/>
      <c r="J9" s="7"/>
      <c r="K9" s="7"/>
      <c r="L9" s="7"/>
      <c r="M9" s="7"/>
      <c r="N9" s="7"/>
    </row>
    <row r="10" spans="1:14" x14ac:dyDescent="0.25">
      <c r="A10" s="10" t="s">
        <v>6</v>
      </c>
      <c r="B10" s="10" t="s">
        <v>738</v>
      </c>
      <c r="C10" s="10" t="s">
        <v>739</v>
      </c>
      <c r="D10" s="10" t="s">
        <v>7</v>
      </c>
      <c r="E10" s="10" t="s">
        <v>7</v>
      </c>
      <c r="F10" s="10" t="s">
        <v>7</v>
      </c>
      <c r="G10" s="10" t="s">
        <v>7</v>
      </c>
      <c r="H10" s="10" t="s">
        <v>744</v>
      </c>
      <c r="I10" s="10" t="s">
        <v>7</v>
      </c>
      <c r="J10" s="10" t="s">
        <v>7</v>
      </c>
      <c r="K10" s="10" t="s">
        <v>7</v>
      </c>
      <c r="L10" s="10" t="s">
        <v>7</v>
      </c>
      <c r="M10" s="10" t="s">
        <v>7</v>
      </c>
      <c r="N10" s="10" t="s">
        <v>751</v>
      </c>
    </row>
    <row r="11" spans="1:14" ht="63" x14ac:dyDescent="0.25">
      <c r="A11" s="10" t="s">
        <v>7</v>
      </c>
      <c r="B11" s="10" t="s">
        <v>7</v>
      </c>
      <c r="C11" s="1" t="s">
        <v>740</v>
      </c>
      <c r="D11" s="1" t="s">
        <v>741</v>
      </c>
      <c r="E11" s="1" t="s">
        <v>669</v>
      </c>
      <c r="F11" s="1" t="s">
        <v>742</v>
      </c>
      <c r="G11" s="1" t="s">
        <v>743</v>
      </c>
      <c r="H11" s="1" t="s">
        <v>745</v>
      </c>
      <c r="I11" s="1" t="s">
        <v>746</v>
      </c>
      <c r="J11" s="1" t="s">
        <v>747</v>
      </c>
      <c r="K11" s="1" t="s">
        <v>748</v>
      </c>
      <c r="L11" s="1" t="s">
        <v>749</v>
      </c>
      <c r="M11" s="1" t="s">
        <v>750</v>
      </c>
      <c r="N11" s="10" t="s">
        <v>7</v>
      </c>
    </row>
    <row r="12" spans="1:14" x14ac:dyDescent="0.25">
      <c r="A12" s="3" t="s">
        <v>17</v>
      </c>
      <c r="B12" s="5" t="s">
        <v>752</v>
      </c>
      <c r="C12" s="11">
        <v>88182984.280000001</v>
      </c>
      <c r="D12" s="11">
        <v>202963152.83000001</v>
      </c>
      <c r="E12" s="11">
        <v>202106853.03999999</v>
      </c>
      <c r="F12" s="11">
        <v>12438690.24</v>
      </c>
      <c r="G12" s="11">
        <v>76600593.829999998</v>
      </c>
      <c r="H12" s="11">
        <v>37407067.299999997</v>
      </c>
      <c r="I12" s="11">
        <v>722284475.83000004</v>
      </c>
      <c r="J12" s="11">
        <v>347504240.10000002</v>
      </c>
      <c r="K12" s="11">
        <v>337968592.80000001</v>
      </c>
      <c r="L12" s="11">
        <v>348671593.38999999</v>
      </c>
      <c r="M12" s="11">
        <v>73051356.939999998</v>
      </c>
      <c r="N12" s="11">
        <v>149651950.77000001</v>
      </c>
    </row>
    <row r="13" spans="1:14" x14ac:dyDescent="0.25">
      <c r="A13" s="2" t="s">
        <v>19</v>
      </c>
      <c r="B13" s="4" t="s">
        <v>753</v>
      </c>
      <c r="C13" s="12">
        <v>88182384.280000001</v>
      </c>
      <c r="D13" s="12">
        <v>138458464.74000001</v>
      </c>
      <c r="E13" s="12">
        <v>137658668.47</v>
      </c>
      <c r="F13" s="12">
        <v>12381586.720000001</v>
      </c>
      <c r="G13" s="12">
        <v>76600593.829999998</v>
      </c>
      <c r="H13" s="12">
        <v>37407067.299999997</v>
      </c>
      <c r="I13" s="12">
        <v>687959319.34000003</v>
      </c>
      <c r="J13" s="12">
        <v>321139521.17000002</v>
      </c>
      <c r="K13" s="12">
        <v>312430137.79000002</v>
      </c>
      <c r="L13" s="12">
        <v>340711155.82999998</v>
      </c>
      <c r="M13" s="12">
        <v>72225093.019999996</v>
      </c>
      <c r="N13" s="12">
        <v>148825686.84999999</v>
      </c>
    </row>
    <row r="14" spans="1:14" x14ac:dyDescent="0.25">
      <c r="A14" s="3" t="s">
        <v>21</v>
      </c>
      <c r="B14" s="5" t="s">
        <v>754</v>
      </c>
      <c r="C14" s="11">
        <v>0</v>
      </c>
      <c r="D14" s="11">
        <v>12750242.300000001</v>
      </c>
      <c r="E14" s="11">
        <v>12750242.300000001</v>
      </c>
      <c r="F14" s="11">
        <v>0</v>
      </c>
      <c r="G14" s="11">
        <v>0</v>
      </c>
      <c r="H14" s="11">
        <v>0</v>
      </c>
      <c r="I14" s="11">
        <v>1143189.3899999999</v>
      </c>
      <c r="J14" s="11">
        <v>794584.61</v>
      </c>
      <c r="K14" s="11">
        <v>794584.61</v>
      </c>
      <c r="L14" s="11">
        <v>348604.78</v>
      </c>
      <c r="M14" s="11">
        <v>0</v>
      </c>
      <c r="N14" s="11">
        <v>0</v>
      </c>
    </row>
    <row r="15" spans="1:14" x14ac:dyDescent="0.25">
      <c r="A15" s="2" t="s">
        <v>23</v>
      </c>
      <c r="B15" s="4" t="s">
        <v>755</v>
      </c>
      <c r="C15" s="12">
        <v>0</v>
      </c>
      <c r="D15" s="12">
        <v>8878771.6799999997</v>
      </c>
      <c r="E15" s="12">
        <v>8878771.6799999997</v>
      </c>
      <c r="F15" s="12">
        <v>0</v>
      </c>
      <c r="G15" s="12">
        <v>0</v>
      </c>
      <c r="H15" s="12">
        <v>0</v>
      </c>
      <c r="I15" s="12">
        <v>452125.26</v>
      </c>
      <c r="J15" s="12">
        <v>155669.16</v>
      </c>
      <c r="K15" s="12">
        <v>155669.16</v>
      </c>
      <c r="L15" s="12">
        <v>296456.09999999998</v>
      </c>
      <c r="M15" s="12">
        <v>0</v>
      </c>
      <c r="N15" s="12">
        <v>0</v>
      </c>
    </row>
    <row r="16" spans="1:14" x14ac:dyDescent="0.25">
      <c r="A16" s="2" t="s">
        <v>25</v>
      </c>
      <c r="B16" s="4" t="s">
        <v>756</v>
      </c>
      <c r="C16" s="12">
        <v>0</v>
      </c>
      <c r="D16" s="12">
        <v>3866488.8</v>
      </c>
      <c r="E16" s="12">
        <v>3866488.8</v>
      </c>
      <c r="F16" s="12">
        <v>0</v>
      </c>
      <c r="G16" s="12">
        <v>0</v>
      </c>
      <c r="H16" s="12">
        <v>0</v>
      </c>
      <c r="I16" s="12">
        <v>685981.95</v>
      </c>
      <c r="J16" s="12">
        <v>633833.27</v>
      </c>
      <c r="K16" s="12">
        <v>633833.27</v>
      </c>
      <c r="L16" s="12">
        <v>52148.68</v>
      </c>
      <c r="M16" s="12">
        <v>0</v>
      </c>
      <c r="N16" s="12">
        <v>0</v>
      </c>
    </row>
    <row r="17" spans="1:14" x14ac:dyDescent="0.25">
      <c r="A17" s="2" t="s">
        <v>27</v>
      </c>
      <c r="B17" s="4" t="s">
        <v>757</v>
      </c>
      <c r="C17" s="12">
        <v>0</v>
      </c>
      <c r="D17" s="12">
        <v>4981.82</v>
      </c>
      <c r="E17" s="12">
        <v>4981.82</v>
      </c>
      <c r="F17" s="12">
        <v>0</v>
      </c>
      <c r="G17" s="12">
        <v>0</v>
      </c>
      <c r="H17" s="12">
        <v>0</v>
      </c>
      <c r="I17" s="12">
        <v>5082.18</v>
      </c>
      <c r="J17" s="12">
        <v>5082.18</v>
      </c>
      <c r="K17" s="12">
        <v>5082.18</v>
      </c>
      <c r="L17" s="12">
        <v>0</v>
      </c>
      <c r="M17" s="12">
        <v>0</v>
      </c>
      <c r="N17" s="12">
        <v>0</v>
      </c>
    </row>
    <row r="18" spans="1:14" x14ac:dyDescent="0.25">
      <c r="A18" s="3" t="s">
        <v>29</v>
      </c>
      <c r="B18" s="5" t="s">
        <v>758</v>
      </c>
      <c r="C18" s="11">
        <v>0</v>
      </c>
      <c r="D18" s="11">
        <v>33678751.950000003</v>
      </c>
      <c r="E18" s="11">
        <v>33621652.420000002</v>
      </c>
      <c r="F18" s="11">
        <v>57099.53</v>
      </c>
      <c r="G18" s="11">
        <v>0</v>
      </c>
      <c r="H18" s="11">
        <v>0</v>
      </c>
      <c r="I18" s="11">
        <v>15388193.199999999</v>
      </c>
      <c r="J18" s="11">
        <v>11236286.42</v>
      </c>
      <c r="K18" s="11">
        <v>11236286.42</v>
      </c>
      <c r="L18" s="11">
        <v>4151906.78</v>
      </c>
      <c r="M18" s="11">
        <v>0</v>
      </c>
      <c r="N18" s="11">
        <v>0</v>
      </c>
    </row>
    <row r="19" spans="1:14" x14ac:dyDescent="0.25">
      <c r="A19" s="2" t="s">
        <v>31</v>
      </c>
      <c r="B19" s="4" t="s">
        <v>759</v>
      </c>
      <c r="C19" s="12">
        <v>0</v>
      </c>
      <c r="D19" s="12">
        <v>30309882.670000002</v>
      </c>
      <c r="E19" s="12">
        <v>30268304.350000001</v>
      </c>
      <c r="F19" s="12">
        <v>41578.32</v>
      </c>
      <c r="G19" s="12">
        <v>0</v>
      </c>
      <c r="H19" s="12">
        <v>0</v>
      </c>
      <c r="I19" s="12">
        <v>0</v>
      </c>
      <c r="J19" s="12">
        <v>0</v>
      </c>
      <c r="K19" s="12">
        <v>0</v>
      </c>
      <c r="L19" s="12">
        <v>0</v>
      </c>
      <c r="M19" s="12">
        <v>0</v>
      </c>
      <c r="N19" s="12">
        <v>0</v>
      </c>
    </row>
    <row r="20" spans="1:14" x14ac:dyDescent="0.25">
      <c r="A20" s="2" t="s">
        <v>33</v>
      </c>
      <c r="B20" s="4" t="s">
        <v>760</v>
      </c>
      <c r="C20" s="12">
        <v>0</v>
      </c>
      <c r="D20" s="12">
        <v>3368869.28</v>
      </c>
      <c r="E20" s="12">
        <v>3353348.07</v>
      </c>
      <c r="F20" s="12">
        <v>15521.21</v>
      </c>
      <c r="G20" s="12">
        <v>0</v>
      </c>
      <c r="H20" s="12">
        <v>0</v>
      </c>
      <c r="I20" s="12">
        <v>15388193.199999999</v>
      </c>
      <c r="J20" s="12">
        <v>11236286.42</v>
      </c>
      <c r="K20" s="12">
        <v>11236286.42</v>
      </c>
      <c r="L20" s="12">
        <v>4151906.78</v>
      </c>
      <c r="M20" s="12">
        <v>0</v>
      </c>
      <c r="N20" s="12">
        <v>0</v>
      </c>
    </row>
    <row r="21" spans="1:14" x14ac:dyDescent="0.25">
      <c r="A21" s="3" t="s">
        <v>35</v>
      </c>
      <c r="B21" s="5" t="s">
        <v>761</v>
      </c>
      <c r="C21" s="11">
        <v>600</v>
      </c>
      <c r="D21" s="11">
        <v>7604945.3799999999</v>
      </c>
      <c r="E21" s="11">
        <v>7605545.3799999999</v>
      </c>
      <c r="F21" s="11">
        <v>0</v>
      </c>
      <c r="G21" s="11">
        <v>0</v>
      </c>
      <c r="H21" s="11">
        <v>0</v>
      </c>
      <c r="I21" s="11">
        <v>16266926.359999999</v>
      </c>
      <c r="J21" s="11">
        <v>13030777.27</v>
      </c>
      <c r="K21" s="11">
        <v>12204513.35</v>
      </c>
      <c r="L21" s="11">
        <v>3236149.09</v>
      </c>
      <c r="M21" s="11">
        <v>826263.92</v>
      </c>
      <c r="N21" s="11">
        <v>826263.92</v>
      </c>
    </row>
    <row r="22" spans="1:14" x14ac:dyDescent="0.25">
      <c r="A22" s="2" t="s">
        <v>37</v>
      </c>
      <c r="B22" s="4" t="s">
        <v>762</v>
      </c>
      <c r="C22" s="12">
        <v>600</v>
      </c>
      <c r="D22" s="12">
        <v>7604945.3799999999</v>
      </c>
      <c r="E22" s="12">
        <v>7605545.3799999999</v>
      </c>
      <c r="F22" s="12">
        <v>0</v>
      </c>
      <c r="G22" s="12">
        <v>0</v>
      </c>
      <c r="H22" s="12">
        <v>0</v>
      </c>
      <c r="I22" s="12">
        <v>10948347.619999999</v>
      </c>
      <c r="J22" s="12">
        <v>8121004.4699999997</v>
      </c>
      <c r="K22" s="12">
        <v>7294740.5499999998</v>
      </c>
      <c r="L22" s="12">
        <v>2827343.15</v>
      </c>
      <c r="M22" s="12">
        <v>826263.92</v>
      </c>
      <c r="N22" s="12">
        <v>826263.92</v>
      </c>
    </row>
    <row r="23" spans="1:14" x14ac:dyDescent="0.25">
      <c r="A23" s="2" t="s">
        <v>39</v>
      </c>
      <c r="B23" s="4" t="s">
        <v>763</v>
      </c>
      <c r="C23" s="12">
        <v>0</v>
      </c>
      <c r="D23" s="12">
        <v>0</v>
      </c>
      <c r="E23" s="12">
        <v>0</v>
      </c>
      <c r="F23" s="12">
        <v>0</v>
      </c>
      <c r="G23" s="12">
        <v>0</v>
      </c>
      <c r="H23" s="12">
        <v>0</v>
      </c>
      <c r="I23" s="12">
        <v>5318578.74</v>
      </c>
      <c r="J23" s="12">
        <v>4909772.7999999998</v>
      </c>
      <c r="K23" s="12">
        <v>4909772.7999999998</v>
      </c>
      <c r="L23" s="12">
        <v>408805.94</v>
      </c>
      <c r="M23" s="12">
        <v>0</v>
      </c>
      <c r="N23" s="12">
        <v>0</v>
      </c>
    </row>
    <row r="24" spans="1:14" x14ac:dyDescent="0.25">
      <c r="A24" s="2" t="s">
        <v>41</v>
      </c>
      <c r="B24" s="4" t="s">
        <v>764</v>
      </c>
      <c r="C24" s="12">
        <v>0</v>
      </c>
      <c r="D24" s="12">
        <v>0</v>
      </c>
      <c r="E24" s="12">
        <v>0</v>
      </c>
      <c r="F24" s="12">
        <v>0</v>
      </c>
      <c r="G24" s="12">
        <v>0</v>
      </c>
      <c r="H24" s="12">
        <v>0</v>
      </c>
      <c r="I24" s="12">
        <v>0</v>
      </c>
      <c r="J24" s="12">
        <v>0</v>
      </c>
      <c r="K24" s="12">
        <v>0</v>
      </c>
      <c r="L24" s="12">
        <v>0</v>
      </c>
      <c r="M24" s="12">
        <v>0</v>
      </c>
      <c r="N24" s="12">
        <v>0</v>
      </c>
    </row>
    <row r="25" spans="1:14" x14ac:dyDescent="0.25">
      <c r="A25" s="2" t="s">
        <v>43</v>
      </c>
      <c r="B25" s="4" t="s">
        <v>765</v>
      </c>
      <c r="C25" s="12">
        <v>0</v>
      </c>
      <c r="D25" s="12">
        <v>10470748.460000001</v>
      </c>
      <c r="E25" s="12">
        <v>10470744.470000001</v>
      </c>
      <c r="F25" s="12">
        <v>3.99</v>
      </c>
      <c r="G25" s="12">
        <v>0</v>
      </c>
      <c r="H25" s="12">
        <v>0</v>
      </c>
      <c r="I25" s="12">
        <v>1526847.54</v>
      </c>
      <c r="J25" s="12">
        <v>1303070.6299999999</v>
      </c>
      <c r="K25" s="12">
        <v>1303070.6299999999</v>
      </c>
      <c r="L25" s="12">
        <v>223776.91</v>
      </c>
      <c r="M25" s="12">
        <v>0</v>
      </c>
      <c r="N25" s="12">
        <v>0</v>
      </c>
    </row>
    <row r="26" spans="1:14" x14ac:dyDescent="0.25">
      <c r="A26" s="3" t="s">
        <v>45</v>
      </c>
      <c r="B26" s="5" t="s">
        <v>766</v>
      </c>
      <c r="C26" s="11">
        <v>9918855.7400000002</v>
      </c>
      <c r="D26" s="11">
        <v>73410804.810000002</v>
      </c>
      <c r="E26" s="11">
        <v>73233630.769999996</v>
      </c>
      <c r="F26" s="11">
        <v>1436028.48</v>
      </c>
      <c r="G26" s="11">
        <v>8660001.3000000007</v>
      </c>
      <c r="H26" s="11">
        <v>72520.06</v>
      </c>
      <c r="I26" s="11">
        <v>1720.76</v>
      </c>
      <c r="J26" s="11">
        <v>74240.820000000007</v>
      </c>
      <c r="K26" s="11">
        <v>74240.820000000007</v>
      </c>
      <c r="L26" s="11">
        <v>0</v>
      </c>
      <c r="M26" s="11">
        <v>0</v>
      </c>
      <c r="N26" s="11">
        <v>8660001.3000000007</v>
      </c>
    </row>
    <row r="27" spans="1:14" x14ac:dyDescent="0.25">
      <c r="A27" s="2" t="s">
        <v>47</v>
      </c>
      <c r="B27" s="4" t="s">
        <v>767</v>
      </c>
      <c r="C27" s="12">
        <v>9918855.7400000002</v>
      </c>
      <c r="D27" s="12">
        <v>56846474.200000003</v>
      </c>
      <c r="E27" s="12">
        <v>56669523.659999996</v>
      </c>
      <c r="F27" s="12">
        <v>1435804.98</v>
      </c>
      <c r="G27" s="12">
        <v>8660001.3000000007</v>
      </c>
      <c r="H27" s="12">
        <v>72520.06</v>
      </c>
      <c r="I27" s="12">
        <v>1720.76</v>
      </c>
      <c r="J27" s="12">
        <v>74240.820000000007</v>
      </c>
      <c r="K27" s="12">
        <v>74240.820000000007</v>
      </c>
      <c r="L27" s="12">
        <v>0</v>
      </c>
      <c r="M27" s="12">
        <v>0</v>
      </c>
      <c r="N27" s="12">
        <v>8660001.3000000007</v>
      </c>
    </row>
    <row r="28" spans="1:14" x14ac:dyDescent="0.25">
      <c r="A28" s="3" t="s">
        <v>49</v>
      </c>
      <c r="B28" s="5" t="s">
        <v>768</v>
      </c>
      <c r="C28" s="11">
        <v>0</v>
      </c>
      <c r="D28" s="11">
        <v>3530575.28</v>
      </c>
      <c r="E28" s="11">
        <v>3530575.28</v>
      </c>
      <c r="F28" s="11">
        <v>0</v>
      </c>
      <c r="G28" s="11">
        <v>0</v>
      </c>
      <c r="H28" s="11">
        <v>0</v>
      </c>
      <c r="I28" s="11">
        <v>0</v>
      </c>
      <c r="J28" s="11">
        <v>0</v>
      </c>
      <c r="K28" s="11">
        <v>0</v>
      </c>
      <c r="L28" s="11">
        <v>0</v>
      </c>
      <c r="M28" s="11">
        <v>0</v>
      </c>
      <c r="N28" s="11">
        <v>0</v>
      </c>
    </row>
    <row r="29" spans="1:14" x14ac:dyDescent="0.25">
      <c r="A29" s="2" t="s">
        <v>51</v>
      </c>
      <c r="B29" s="4" t="s">
        <v>755</v>
      </c>
      <c r="C29" s="12">
        <v>0</v>
      </c>
      <c r="D29" s="12">
        <v>3528661.77</v>
      </c>
      <c r="E29" s="12">
        <v>3528661.77</v>
      </c>
      <c r="F29" s="12">
        <v>0</v>
      </c>
      <c r="G29" s="12">
        <v>0</v>
      </c>
      <c r="H29" s="12">
        <v>0</v>
      </c>
      <c r="I29" s="12">
        <v>0</v>
      </c>
      <c r="J29" s="12">
        <v>0</v>
      </c>
      <c r="K29" s="12">
        <v>0</v>
      </c>
      <c r="L29" s="12">
        <v>0</v>
      </c>
      <c r="M29" s="12">
        <v>0</v>
      </c>
      <c r="N29" s="12">
        <v>0</v>
      </c>
    </row>
    <row r="30" spans="1:14" x14ac:dyDescent="0.25">
      <c r="A30" s="2" t="s">
        <v>53</v>
      </c>
      <c r="B30" s="4" t="s">
        <v>756</v>
      </c>
      <c r="C30" s="12">
        <v>0</v>
      </c>
      <c r="D30" s="12">
        <v>1913.51</v>
      </c>
      <c r="E30" s="12">
        <v>1913.51</v>
      </c>
      <c r="F30" s="12">
        <v>0</v>
      </c>
      <c r="G30" s="12">
        <v>0</v>
      </c>
      <c r="H30" s="12">
        <v>0</v>
      </c>
      <c r="I30" s="12">
        <v>0</v>
      </c>
      <c r="J30" s="12">
        <v>0</v>
      </c>
      <c r="K30" s="12">
        <v>0</v>
      </c>
      <c r="L30" s="12">
        <v>0</v>
      </c>
      <c r="M30" s="12">
        <v>0</v>
      </c>
      <c r="N30" s="12">
        <v>0</v>
      </c>
    </row>
    <row r="31" spans="1:14" x14ac:dyDescent="0.25">
      <c r="A31" s="2" t="s">
        <v>55</v>
      </c>
      <c r="B31" s="4" t="s">
        <v>757</v>
      </c>
      <c r="C31" s="12">
        <v>0</v>
      </c>
      <c r="D31" s="12">
        <v>0</v>
      </c>
      <c r="E31" s="12">
        <v>0</v>
      </c>
      <c r="F31" s="12">
        <v>0</v>
      </c>
      <c r="G31" s="12">
        <v>0</v>
      </c>
      <c r="H31" s="12">
        <v>0</v>
      </c>
      <c r="I31" s="12">
        <v>0</v>
      </c>
      <c r="J31" s="12">
        <v>0</v>
      </c>
      <c r="K31" s="12">
        <v>0</v>
      </c>
      <c r="L31" s="12">
        <v>0</v>
      </c>
      <c r="M31" s="12">
        <v>0</v>
      </c>
      <c r="N31" s="12">
        <v>0</v>
      </c>
    </row>
    <row r="32" spans="1:14" x14ac:dyDescent="0.25">
      <c r="A32" s="3" t="s">
        <v>57</v>
      </c>
      <c r="B32" s="5" t="s">
        <v>769</v>
      </c>
      <c r="C32" s="11">
        <v>0</v>
      </c>
      <c r="D32" s="11">
        <v>10917713.470000001</v>
      </c>
      <c r="E32" s="11">
        <v>10917489.970000001</v>
      </c>
      <c r="F32" s="11">
        <v>223.5</v>
      </c>
      <c r="G32" s="11">
        <v>0</v>
      </c>
      <c r="H32" s="11">
        <v>0</v>
      </c>
      <c r="I32" s="11">
        <v>0</v>
      </c>
      <c r="J32" s="11">
        <v>0</v>
      </c>
      <c r="K32" s="11">
        <v>0</v>
      </c>
      <c r="L32" s="11">
        <v>0</v>
      </c>
      <c r="M32" s="11">
        <v>0</v>
      </c>
      <c r="N32" s="11">
        <v>0</v>
      </c>
    </row>
    <row r="33" spans="1:14" x14ac:dyDescent="0.25">
      <c r="A33" s="2" t="s">
        <v>59</v>
      </c>
      <c r="B33" s="4" t="s">
        <v>759</v>
      </c>
      <c r="C33" s="12">
        <v>0</v>
      </c>
      <c r="D33" s="12">
        <v>10917713.470000001</v>
      </c>
      <c r="E33" s="12">
        <v>10917489.970000001</v>
      </c>
      <c r="F33" s="12">
        <v>223.5</v>
      </c>
      <c r="G33" s="12">
        <v>0</v>
      </c>
      <c r="H33" s="12">
        <v>0</v>
      </c>
      <c r="I33" s="12">
        <v>0</v>
      </c>
      <c r="J33" s="12">
        <v>0</v>
      </c>
      <c r="K33" s="12">
        <v>0</v>
      </c>
      <c r="L33" s="12">
        <v>0</v>
      </c>
      <c r="M33" s="12">
        <v>0</v>
      </c>
      <c r="N33" s="12">
        <v>0</v>
      </c>
    </row>
    <row r="34" spans="1:14" x14ac:dyDescent="0.25">
      <c r="A34" s="2" t="s">
        <v>61</v>
      </c>
      <c r="B34" s="4" t="s">
        <v>760</v>
      </c>
      <c r="C34" s="12">
        <v>0</v>
      </c>
      <c r="D34" s="12">
        <v>0</v>
      </c>
      <c r="E34" s="12">
        <v>0</v>
      </c>
      <c r="F34" s="12">
        <v>0</v>
      </c>
      <c r="G34" s="12">
        <v>0</v>
      </c>
      <c r="H34" s="12">
        <v>0</v>
      </c>
      <c r="I34" s="12">
        <v>0</v>
      </c>
      <c r="J34" s="12">
        <v>0</v>
      </c>
      <c r="K34" s="12">
        <v>0</v>
      </c>
      <c r="L34" s="12">
        <v>0</v>
      </c>
      <c r="M34" s="12">
        <v>0</v>
      </c>
      <c r="N34" s="12">
        <v>0</v>
      </c>
    </row>
    <row r="35" spans="1:14" x14ac:dyDescent="0.25">
      <c r="A35" s="3" t="s">
        <v>63</v>
      </c>
      <c r="B35" s="5" t="s">
        <v>761</v>
      </c>
      <c r="C35" s="11">
        <v>0</v>
      </c>
      <c r="D35" s="11">
        <v>0</v>
      </c>
      <c r="E35" s="11">
        <v>0</v>
      </c>
      <c r="F35" s="11">
        <v>0</v>
      </c>
      <c r="G35" s="11">
        <v>0</v>
      </c>
      <c r="H35" s="11">
        <v>0</v>
      </c>
      <c r="I35" s="11">
        <v>0</v>
      </c>
      <c r="J35" s="11">
        <v>0</v>
      </c>
      <c r="K35" s="11">
        <v>0</v>
      </c>
      <c r="L35" s="11">
        <v>0</v>
      </c>
      <c r="M35" s="11">
        <v>0</v>
      </c>
      <c r="N35" s="11">
        <v>0</v>
      </c>
    </row>
    <row r="36" spans="1:14" x14ac:dyDescent="0.25">
      <c r="A36" s="2" t="s">
        <v>65</v>
      </c>
      <c r="B36" s="4" t="s">
        <v>762</v>
      </c>
      <c r="C36" s="12">
        <v>0</v>
      </c>
      <c r="D36" s="12">
        <v>0</v>
      </c>
      <c r="E36" s="12">
        <v>0</v>
      </c>
      <c r="F36" s="12">
        <v>0</v>
      </c>
      <c r="G36" s="12">
        <v>0</v>
      </c>
      <c r="H36" s="12">
        <v>0</v>
      </c>
      <c r="I36" s="12">
        <v>0</v>
      </c>
      <c r="J36" s="12">
        <v>0</v>
      </c>
      <c r="K36" s="12">
        <v>0</v>
      </c>
      <c r="L36" s="12">
        <v>0</v>
      </c>
      <c r="M36" s="12">
        <v>0</v>
      </c>
      <c r="N36" s="12">
        <v>0</v>
      </c>
    </row>
    <row r="37" spans="1:14" x14ac:dyDescent="0.25">
      <c r="A37" s="2" t="s">
        <v>67</v>
      </c>
      <c r="B37" s="4" t="s">
        <v>763</v>
      </c>
      <c r="C37" s="12">
        <v>0</v>
      </c>
      <c r="D37" s="12">
        <v>0</v>
      </c>
      <c r="E37" s="12">
        <v>0</v>
      </c>
      <c r="F37" s="12">
        <v>0</v>
      </c>
      <c r="G37" s="12">
        <v>0</v>
      </c>
      <c r="H37" s="12">
        <v>0</v>
      </c>
      <c r="I37" s="12">
        <v>0</v>
      </c>
      <c r="J37" s="12">
        <v>0</v>
      </c>
      <c r="K37" s="12">
        <v>0</v>
      </c>
      <c r="L37" s="12">
        <v>0</v>
      </c>
      <c r="M37" s="12">
        <v>0</v>
      </c>
      <c r="N37" s="12">
        <v>0</v>
      </c>
    </row>
    <row r="38" spans="1:14" x14ac:dyDescent="0.25">
      <c r="A38" s="2" t="s">
        <v>69</v>
      </c>
      <c r="B38" s="4" t="s">
        <v>764</v>
      </c>
      <c r="C38" s="12">
        <v>0</v>
      </c>
      <c r="D38" s="12">
        <v>0</v>
      </c>
      <c r="E38" s="12">
        <v>0</v>
      </c>
      <c r="F38" s="12">
        <v>0</v>
      </c>
      <c r="G38" s="12">
        <v>0</v>
      </c>
      <c r="H38" s="12">
        <v>0</v>
      </c>
      <c r="I38" s="12">
        <v>0</v>
      </c>
      <c r="J38" s="12">
        <v>0</v>
      </c>
      <c r="K38" s="12">
        <v>0</v>
      </c>
      <c r="L38" s="12">
        <v>0</v>
      </c>
      <c r="M38" s="12">
        <v>0</v>
      </c>
      <c r="N38" s="12">
        <v>0</v>
      </c>
    </row>
    <row r="39" spans="1:14" x14ac:dyDescent="0.25">
      <c r="A39" s="2" t="s">
        <v>71</v>
      </c>
      <c r="B39" s="4" t="s">
        <v>765</v>
      </c>
      <c r="C39" s="12">
        <v>0</v>
      </c>
      <c r="D39" s="12">
        <v>2116041.86</v>
      </c>
      <c r="E39" s="12">
        <v>2116041.86</v>
      </c>
      <c r="F39" s="12">
        <v>0</v>
      </c>
      <c r="G39" s="12">
        <v>0</v>
      </c>
      <c r="H39" s="12">
        <v>0</v>
      </c>
      <c r="I39" s="12">
        <v>0</v>
      </c>
      <c r="J39" s="12">
        <v>0</v>
      </c>
      <c r="K39" s="12">
        <v>0</v>
      </c>
      <c r="L39" s="12">
        <v>0</v>
      </c>
      <c r="M39" s="12">
        <v>0</v>
      </c>
      <c r="N39" s="12">
        <v>0</v>
      </c>
    </row>
    <row r="40" spans="1:14" x14ac:dyDescent="0.25">
      <c r="A40" s="3" t="s">
        <v>73</v>
      </c>
      <c r="B40" s="5" t="s">
        <v>770</v>
      </c>
      <c r="C40" s="11">
        <v>98101840.019999996</v>
      </c>
      <c r="D40" s="11">
        <v>276373957.63999999</v>
      </c>
      <c r="E40" s="11">
        <v>275340483.81</v>
      </c>
      <c r="F40" s="11">
        <v>13874718.720000001</v>
      </c>
      <c r="G40" s="11">
        <v>85260595.129999995</v>
      </c>
      <c r="H40" s="11">
        <v>37479587.359999999</v>
      </c>
      <c r="I40" s="11">
        <v>722286196.59000003</v>
      </c>
      <c r="J40" s="11">
        <v>347578480.92000002</v>
      </c>
      <c r="K40" s="11">
        <v>338042833.62</v>
      </c>
      <c r="L40" s="11">
        <v>348671593.38999999</v>
      </c>
      <c r="M40" s="11">
        <v>73051356.939999998</v>
      </c>
      <c r="N40" s="11">
        <v>158311952.06999999</v>
      </c>
    </row>
  </sheetData>
  <mergeCells count="11">
    <mergeCell ref="A9:N9"/>
    <mergeCell ref="A10:A11"/>
    <mergeCell ref="B10:B11"/>
    <mergeCell ref="C10:G10"/>
    <mergeCell ref="H10:M10"/>
    <mergeCell ref="N10:N11"/>
    <mergeCell ref="A3:N3"/>
    <mergeCell ref="A4:N4"/>
    <mergeCell ref="A5:N5"/>
    <mergeCell ref="A6:N6"/>
    <mergeCell ref="A7:N7"/>
  </mergeCells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I161"/>
  <sheetViews>
    <sheetView showGridLines="0" workbookViewId="0"/>
  </sheetViews>
  <sheetFormatPr defaultRowHeight="15" x14ac:dyDescent="0.25"/>
  <cols>
    <col min="1" max="1" width="3.28515625" bestFit="1" customWidth="1"/>
    <col min="2" max="2" width="117.140625" bestFit="1" customWidth="1"/>
    <col min="3" max="5" width="20.42578125" bestFit="1" customWidth="1"/>
    <col min="6" max="6" width="16" bestFit="1" customWidth="1"/>
    <col min="7" max="7" width="19.140625" bestFit="1" customWidth="1"/>
    <col min="8" max="8" width="16.140625" bestFit="1" customWidth="1"/>
    <col min="9" max="9" width="16" bestFit="1" customWidth="1"/>
  </cols>
  <sheetData>
    <row r="3" spans="1:9" x14ac:dyDescent="0.25">
      <c r="A3" s="6" t="s">
        <v>0</v>
      </c>
      <c r="B3" s="7"/>
      <c r="C3" s="7"/>
      <c r="D3" s="7"/>
      <c r="E3" s="7"/>
      <c r="F3" s="7"/>
      <c r="G3" s="7"/>
      <c r="H3" s="7"/>
      <c r="I3" s="7"/>
    </row>
    <row r="4" spans="1:9" x14ac:dyDescent="0.25">
      <c r="A4" s="6" t="s">
        <v>1</v>
      </c>
      <c r="B4" s="7"/>
      <c r="C4" s="7"/>
      <c r="D4" s="7"/>
      <c r="E4" s="7"/>
      <c r="F4" s="7"/>
      <c r="G4" s="7"/>
      <c r="H4" s="7"/>
      <c r="I4" s="7"/>
    </row>
    <row r="5" spans="1:9" x14ac:dyDescent="0.25">
      <c r="A5" s="8" t="s">
        <v>771</v>
      </c>
      <c r="B5" s="7"/>
      <c r="C5" s="7"/>
      <c r="D5" s="7"/>
      <c r="E5" s="7"/>
      <c r="F5" s="7"/>
      <c r="G5" s="7"/>
      <c r="H5" s="7"/>
      <c r="I5" s="7"/>
    </row>
    <row r="6" spans="1:9" x14ac:dyDescent="0.25">
      <c r="A6" s="6" t="s">
        <v>3</v>
      </c>
      <c r="B6" s="7"/>
      <c r="C6" s="7"/>
      <c r="D6" s="7"/>
      <c r="E6" s="7"/>
      <c r="F6" s="7"/>
      <c r="G6" s="7"/>
      <c r="H6" s="7"/>
      <c r="I6" s="7"/>
    </row>
    <row r="7" spans="1:9" x14ac:dyDescent="0.25">
      <c r="A7" s="6" t="s">
        <v>4</v>
      </c>
      <c r="B7" s="7"/>
      <c r="C7" s="7"/>
      <c r="D7" s="7"/>
      <c r="E7" s="7"/>
      <c r="F7" s="7"/>
      <c r="G7" s="7"/>
      <c r="H7" s="7"/>
      <c r="I7" s="7"/>
    </row>
    <row r="9" spans="1:9" x14ac:dyDescent="0.25">
      <c r="A9" s="9" t="s">
        <v>772</v>
      </c>
      <c r="B9" s="7"/>
      <c r="C9" s="7"/>
      <c r="D9" s="7"/>
      <c r="E9" s="7"/>
      <c r="F9" s="7"/>
      <c r="G9" s="7"/>
      <c r="H9" s="7"/>
      <c r="I9" s="7"/>
    </row>
    <row r="10" spans="1:9" x14ac:dyDescent="0.25">
      <c r="A10" s="10" t="s">
        <v>6</v>
      </c>
      <c r="B10" s="10" t="s">
        <v>773</v>
      </c>
      <c r="C10" s="10" t="s">
        <v>9</v>
      </c>
      <c r="D10" s="10" t="s">
        <v>10</v>
      </c>
      <c r="E10" s="10" t="s">
        <v>11</v>
      </c>
      <c r="F10" s="10" t="s">
        <v>11</v>
      </c>
    </row>
    <row r="11" spans="1:9" ht="21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" t="s">
        <v>373</v>
      </c>
      <c r="F11" s="1" t="s">
        <v>774</v>
      </c>
    </row>
    <row r="12" spans="1:9" x14ac:dyDescent="0.25">
      <c r="A12" s="3" t="s">
        <v>17</v>
      </c>
      <c r="B12" s="5" t="s">
        <v>775</v>
      </c>
      <c r="C12" s="11">
        <v>10687148600</v>
      </c>
      <c r="D12" s="11">
        <v>10689965940</v>
      </c>
      <c r="E12" s="11">
        <v>10877384308.780001</v>
      </c>
      <c r="F12" s="11">
        <v>101.75</v>
      </c>
    </row>
    <row r="13" spans="1:9" x14ac:dyDescent="0.25">
      <c r="A13" s="3" t="s">
        <v>19</v>
      </c>
      <c r="B13" s="5" t="s">
        <v>776</v>
      </c>
      <c r="C13" s="11">
        <v>8899909800</v>
      </c>
      <c r="D13" s="11">
        <v>8902727140</v>
      </c>
      <c r="E13" s="11">
        <v>9105261629.8400002</v>
      </c>
      <c r="F13" s="11">
        <v>102.27</v>
      </c>
    </row>
    <row r="14" spans="1:9" x14ac:dyDescent="0.25">
      <c r="A14" s="2" t="s">
        <v>21</v>
      </c>
      <c r="B14" s="4" t="s">
        <v>777</v>
      </c>
      <c r="C14" s="12">
        <v>8736069200</v>
      </c>
      <c r="D14" s="12">
        <v>8736069200</v>
      </c>
      <c r="E14" s="12">
        <v>8907950623.1000004</v>
      </c>
      <c r="F14" s="12">
        <v>101.97</v>
      </c>
    </row>
    <row r="15" spans="1:9" x14ac:dyDescent="0.25">
      <c r="A15" s="2" t="s">
        <v>23</v>
      </c>
      <c r="B15" s="4" t="s">
        <v>778</v>
      </c>
      <c r="C15" s="12">
        <v>76570900</v>
      </c>
      <c r="D15" s="12">
        <v>76570900</v>
      </c>
      <c r="E15" s="12">
        <v>113990805.45999999</v>
      </c>
      <c r="F15" s="12">
        <v>148.87</v>
      </c>
    </row>
    <row r="16" spans="1:9" x14ac:dyDescent="0.25">
      <c r="A16" s="2" t="s">
        <v>25</v>
      </c>
      <c r="B16" s="4" t="s">
        <v>779</v>
      </c>
      <c r="C16" s="12">
        <v>87269700</v>
      </c>
      <c r="D16" s="12">
        <v>90087040</v>
      </c>
      <c r="E16" s="12">
        <v>83320201.280000001</v>
      </c>
      <c r="F16" s="12">
        <v>92.49</v>
      </c>
    </row>
    <row r="17" spans="1:6" x14ac:dyDescent="0.25">
      <c r="A17" s="3" t="s">
        <v>27</v>
      </c>
      <c r="B17" s="5" t="s">
        <v>780</v>
      </c>
      <c r="C17" s="11">
        <v>142312000</v>
      </c>
      <c r="D17" s="11">
        <v>142312000</v>
      </c>
      <c r="E17" s="11">
        <v>178639701.94999999</v>
      </c>
      <c r="F17" s="11">
        <v>125.53</v>
      </c>
    </row>
    <row r="18" spans="1:6" x14ac:dyDescent="0.25">
      <c r="A18" s="2" t="s">
        <v>29</v>
      </c>
      <c r="B18" s="4" t="s">
        <v>781</v>
      </c>
      <c r="C18" s="12">
        <v>142311600</v>
      </c>
      <c r="D18" s="12">
        <v>142311600</v>
      </c>
      <c r="E18" s="12">
        <v>177874489.5</v>
      </c>
      <c r="F18" s="12">
        <v>124.99</v>
      </c>
    </row>
    <row r="19" spans="1:6" x14ac:dyDescent="0.25">
      <c r="A19" s="2" t="s">
        <v>31</v>
      </c>
      <c r="B19" s="4" t="s">
        <v>782</v>
      </c>
      <c r="C19" s="12">
        <v>400</v>
      </c>
      <c r="D19" s="12">
        <v>400</v>
      </c>
      <c r="E19" s="12">
        <v>765212.45</v>
      </c>
      <c r="F19" s="12">
        <v>191303.11</v>
      </c>
    </row>
    <row r="20" spans="1:6" x14ac:dyDescent="0.25">
      <c r="A20" s="3" t="s">
        <v>33</v>
      </c>
      <c r="B20" s="5" t="s">
        <v>783</v>
      </c>
      <c r="C20" s="11">
        <v>695212300</v>
      </c>
      <c r="D20" s="11">
        <v>695212300</v>
      </c>
      <c r="E20" s="11">
        <v>716062287.86000001</v>
      </c>
      <c r="F20" s="11">
        <v>103</v>
      </c>
    </row>
    <row r="21" spans="1:6" x14ac:dyDescent="0.25">
      <c r="A21" s="2" t="s">
        <v>35</v>
      </c>
      <c r="B21" s="4" t="s">
        <v>784</v>
      </c>
      <c r="C21" s="12">
        <v>657265100</v>
      </c>
      <c r="D21" s="12">
        <v>657265100</v>
      </c>
      <c r="E21" s="12">
        <v>662147612.02999997</v>
      </c>
      <c r="F21" s="12">
        <v>100.74</v>
      </c>
    </row>
    <row r="22" spans="1:6" x14ac:dyDescent="0.25">
      <c r="A22" s="2" t="s">
        <v>37</v>
      </c>
      <c r="B22" s="4" t="s">
        <v>785</v>
      </c>
      <c r="C22" s="12">
        <v>37947200</v>
      </c>
      <c r="D22" s="12">
        <v>37947200</v>
      </c>
      <c r="E22" s="12">
        <v>53914675.829999998</v>
      </c>
      <c r="F22" s="12">
        <v>142.08000000000001</v>
      </c>
    </row>
    <row r="23" spans="1:6" x14ac:dyDescent="0.25">
      <c r="A23" s="2" t="s">
        <v>39</v>
      </c>
      <c r="B23" s="4" t="s">
        <v>786</v>
      </c>
      <c r="C23" s="12">
        <v>949714500</v>
      </c>
      <c r="D23" s="12">
        <v>949714500</v>
      </c>
      <c r="E23" s="12">
        <v>877420689.13</v>
      </c>
      <c r="F23" s="12">
        <v>92.39</v>
      </c>
    </row>
    <row r="24" spans="1:6" x14ac:dyDescent="0.25">
      <c r="A24" s="3" t="s">
        <v>41</v>
      </c>
      <c r="B24" s="5" t="s">
        <v>787</v>
      </c>
      <c r="C24" s="11">
        <v>1342751200</v>
      </c>
      <c r="D24" s="11">
        <v>1342751200</v>
      </c>
      <c r="E24" s="11">
        <v>1438941241.2</v>
      </c>
      <c r="F24" s="11">
        <v>107.16</v>
      </c>
    </row>
    <row r="25" spans="1:6" x14ac:dyDescent="0.25">
      <c r="A25" s="2" t="s">
        <v>43</v>
      </c>
      <c r="B25" s="4" t="s">
        <v>788</v>
      </c>
      <c r="C25" s="12">
        <v>1218808000</v>
      </c>
      <c r="D25" s="12">
        <v>1218808000</v>
      </c>
      <c r="E25" s="12">
        <v>1332992458.23</v>
      </c>
      <c r="F25" s="12">
        <v>109.37</v>
      </c>
    </row>
    <row r="26" spans="1:6" x14ac:dyDescent="0.25">
      <c r="A26" s="2" t="s">
        <v>45</v>
      </c>
      <c r="B26" s="4" t="s">
        <v>789</v>
      </c>
      <c r="C26" s="12">
        <v>18217000</v>
      </c>
      <c r="D26" s="12">
        <v>18217000</v>
      </c>
      <c r="E26" s="12">
        <v>0</v>
      </c>
      <c r="F26" s="12">
        <v>0</v>
      </c>
    </row>
    <row r="27" spans="1:6" x14ac:dyDescent="0.25">
      <c r="A27" s="2" t="s">
        <v>47</v>
      </c>
      <c r="B27" s="4" t="s">
        <v>790</v>
      </c>
      <c r="C27" s="12">
        <v>105726200</v>
      </c>
      <c r="D27" s="12">
        <v>105726200</v>
      </c>
      <c r="E27" s="12">
        <v>105948782.97</v>
      </c>
      <c r="F27" s="12">
        <v>100.21</v>
      </c>
    </row>
    <row r="28" spans="1:6" x14ac:dyDescent="0.25">
      <c r="A28" s="2" t="s">
        <v>49</v>
      </c>
      <c r="B28" s="4" t="s">
        <v>791</v>
      </c>
      <c r="C28" s="12">
        <v>0</v>
      </c>
      <c r="D28" s="12">
        <v>0</v>
      </c>
      <c r="E28" s="12">
        <v>0</v>
      </c>
      <c r="F28" s="12">
        <v>0</v>
      </c>
    </row>
    <row r="29" spans="1:6" x14ac:dyDescent="0.25">
      <c r="A29" s="3" t="s">
        <v>51</v>
      </c>
      <c r="B29" s="5" t="s">
        <v>792</v>
      </c>
      <c r="C29" s="11">
        <v>2577197800</v>
      </c>
      <c r="D29" s="11">
        <v>2577197800</v>
      </c>
      <c r="E29" s="11">
        <v>2640003696.8499999</v>
      </c>
      <c r="F29" s="11">
        <v>102.44</v>
      </c>
    </row>
    <row r="30" spans="1:6" x14ac:dyDescent="0.25">
      <c r="A30" s="2" t="s">
        <v>53</v>
      </c>
      <c r="B30" s="4" t="s">
        <v>793</v>
      </c>
      <c r="C30" s="12">
        <v>2203160000</v>
      </c>
      <c r="D30" s="12">
        <v>2203160000</v>
      </c>
      <c r="E30" s="12">
        <v>2255485357.1399999</v>
      </c>
      <c r="F30" s="12">
        <v>102.38</v>
      </c>
    </row>
    <row r="31" spans="1:6" x14ac:dyDescent="0.25">
      <c r="A31" s="2" t="s">
        <v>55</v>
      </c>
      <c r="B31" s="4" t="s">
        <v>794</v>
      </c>
      <c r="C31" s="12">
        <v>347606200</v>
      </c>
      <c r="D31" s="12">
        <v>347606200</v>
      </c>
      <c r="E31" s="12">
        <v>358031143.93000001</v>
      </c>
      <c r="F31" s="12">
        <v>103</v>
      </c>
    </row>
    <row r="32" spans="1:6" x14ac:dyDescent="0.25">
      <c r="A32" s="2" t="s">
        <v>57</v>
      </c>
      <c r="B32" s="4" t="s">
        <v>795</v>
      </c>
      <c r="C32" s="12">
        <v>26431600</v>
      </c>
      <c r="D32" s="12">
        <v>26431600</v>
      </c>
      <c r="E32" s="12">
        <v>26487195.780000001</v>
      </c>
      <c r="F32" s="12">
        <v>100.21</v>
      </c>
    </row>
    <row r="33" spans="1:6" x14ac:dyDescent="0.25">
      <c r="A33" s="3" t="s">
        <v>59</v>
      </c>
      <c r="B33" s="5" t="s">
        <v>796</v>
      </c>
      <c r="C33" s="11">
        <v>9452702000</v>
      </c>
      <c r="D33" s="11">
        <v>9455519340</v>
      </c>
      <c r="E33" s="11">
        <v>9676321853.1299992</v>
      </c>
      <c r="F33" s="11">
        <v>102.34</v>
      </c>
    </row>
    <row r="35" spans="1:6" x14ac:dyDescent="0.25">
      <c r="A35" s="10" t="s">
        <v>6</v>
      </c>
      <c r="B35" s="10" t="s">
        <v>797</v>
      </c>
      <c r="C35" s="10" t="s">
        <v>9</v>
      </c>
      <c r="D35" s="10" t="s">
        <v>10</v>
      </c>
      <c r="E35" s="10" t="s">
        <v>11</v>
      </c>
      <c r="F35" s="10" t="s">
        <v>11</v>
      </c>
    </row>
    <row r="36" spans="1:6" ht="21" x14ac:dyDescent="0.25">
      <c r="A36" s="10" t="s">
        <v>7</v>
      </c>
      <c r="B36" s="10" t="s">
        <v>7</v>
      </c>
      <c r="C36" s="10" t="s">
        <v>7</v>
      </c>
      <c r="D36" s="10" t="s">
        <v>7</v>
      </c>
      <c r="E36" s="1" t="s">
        <v>373</v>
      </c>
      <c r="F36" s="1" t="s">
        <v>774</v>
      </c>
    </row>
    <row r="37" spans="1:6" x14ac:dyDescent="0.25">
      <c r="A37" s="2" t="s">
        <v>61</v>
      </c>
      <c r="B37" s="4" t="s">
        <v>798</v>
      </c>
      <c r="C37" s="12">
        <v>0</v>
      </c>
      <c r="D37" s="12">
        <v>0</v>
      </c>
      <c r="E37" s="12">
        <v>0</v>
      </c>
      <c r="F37" s="12">
        <v>0</v>
      </c>
    </row>
    <row r="38" spans="1:6" x14ac:dyDescent="0.25">
      <c r="A38" s="3" t="s">
        <v>63</v>
      </c>
      <c r="B38" s="5" t="s">
        <v>799</v>
      </c>
      <c r="C38" s="11">
        <v>95264200</v>
      </c>
      <c r="D38" s="11">
        <v>105264200</v>
      </c>
      <c r="E38" s="11">
        <v>94942625.609999999</v>
      </c>
      <c r="F38" s="11">
        <v>90.19</v>
      </c>
    </row>
    <row r="39" spans="1:6" x14ac:dyDescent="0.25">
      <c r="A39" s="2" t="s">
        <v>65</v>
      </c>
      <c r="B39" s="4" t="s">
        <v>800</v>
      </c>
      <c r="C39" s="12">
        <v>66835100</v>
      </c>
      <c r="D39" s="12">
        <v>66835100</v>
      </c>
      <c r="E39" s="12">
        <v>73573442.230000004</v>
      </c>
      <c r="F39" s="12">
        <v>110.08</v>
      </c>
    </row>
    <row r="40" spans="1:6" x14ac:dyDescent="0.25">
      <c r="A40" s="2" t="s">
        <v>67</v>
      </c>
      <c r="B40" s="4" t="s">
        <v>801</v>
      </c>
      <c r="C40" s="12">
        <v>1000</v>
      </c>
      <c r="D40" s="12">
        <v>1000</v>
      </c>
      <c r="E40" s="12">
        <v>109294.11</v>
      </c>
      <c r="F40" s="12">
        <v>10929.41</v>
      </c>
    </row>
    <row r="41" spans="1:6" x14ac:dyDescent="0.25">
      <c r="A41" s="2" t="s">
        <v>69</v>
      </c>
      <c r="B41" s="4" t="s">
        <v>802</v>
      </c>
      <c r="C41" s="12">
        <v>10000000</v>
      </c>
      <c r="D41" s="12">
        <v>20000000</v>
      </c>
      <c r="E41" s="12">
        <v>20867077.989999998</v>
      </c>
      <c r="F41" s="12">
        <v>104.34</v>
      </c>
    </row>
    <row r="42" spans="1:6" x14ac:dyDescent="0.25">
      <c r="A42" s="2" t="s">
        <v>71</v>
      </c>
      <c r="B42" s="4" t="s">
        <v>803</v>
      </c>
      <c r="C42" s="12">
        <v>20000</v>
      </c>
      <c r="D42" s="12">
        <v>20000</v>
      </c>
      <c r="E42" s="12">
        <v>0</v>
      </c>
      <c r="F42" s="12">
        <v>0</v>
      </c>
    </row>
    <row r="43" spans="1:6" x14ac:dyDescent="0.25">
      <c r="A43" s="2" t="s">
        <v>73</v>
      </c>
      <c r="B43" s="4" t="s">
        <v>804</v>
      </c>
      <c r="C43" s="12">
        <v>15070000</v>
      </c>
      <c r="D43" s="12">
        <v>15070000</v>
      </c>
      <c r="E43" s="12">
        <v>0</v>
      </c>
      <c r="F43" s="12">
        <v>0</v>
      </c>
    </row>
    <row r="44" spans="1:6" x14ac:dyDescent="0.25">
      <c r="A44" s="2" t="s">
        <v>75</v>
      </c>
      <c r="B44" s="4" t="s">
        <v>805</v>
      </c>
      <c r="C44" s="12">
        <v>3338100</v>
      </c>
      <c r="D44" s="12">
        <v>3338100</v>
      </c>
      <c r="E44" s="12">
        <v>392811.28</v>
      </c>
      <c r="F44" s="12">
        <v>11.77</v>
      </c>
    </row>
    <row r="45" spans="1:6" x14ac:dyDescent="0.25">
      <c r="A45" s="3" t="s">
        <v>77</v>
      </c>
      <c r="B45" s="5" t="s">
        <v>806</v>
      </c>
      <c r="C45" s="11">
        <v>39570900</v>
      </c>
      <c r="D45" s="11">
        <v>53570900</v>
      </c>
      <c r="E45" s="11">
        <v>24467053.43</v>
      </c>
      <c r="F45" s="11">
        <v>45.67</v>
      </c>
    </row>
    <row r="46" spans="1:6" x14ac:dyDescent="0.25">
      <c r="A46" s="2" t="s">
        <v>79</v>
      </c>
      <c r="B46" s="4" t="s">
        <v>807</v>
      </c>
      <c r="C46" s="12">
        <v>39570900</v>
      </c>
      <c r="D46" s="12">
        <v>53570900</v>
      </c>
      <c r="E46" s="12">
        <v>24467053.43</v>
      </c>
      <c r="F46" s="12">
        <v>45.67</v>
      </c>
    </row>
    <row r="47" spans="1:6" x14ac:dyDescent="0.25">
      <c r="A47" s="2" t="s">
        <v>81</v>
      </c>
      <c r="B47" s="4" t="s">
        <v>808</v>
      </c>
      <c r="C47" s="12">
        <v>0</v>
      </c>
      <c r="D47" s="12">
        <v>0</v>
      </c>
      <c r="E47" s="12">
        <v>0</v>
      </c>
      <c r="F47" s="12">
        <v>0</v>
      </c>
    </row>
    <row r="48" spans="1:6" x14ac:dyDescent="0.25">
      <c r="A48" s="2" t="s">
        <v>83</v>
      </c>
      <c r="B48" s="4" t="s">
        <v>809</v>
      </c>
      <c r="C48" s="12">
        <v>0</v>
      </c>
      <c r="D48" s="12">
        <v>0</v>
      </c>
      <c r="E48" s="12">
        <v>0</v>
      </c>
      <c r="F48" s="12">
        <v>0</v>
      </c>
    </row>
    <row r="49" spans="1:6" x14ac:dyDescent="0.25">
      <c r="A49" s="2" t="s">
        <v>85</v>
      </c>
      <c r="B49" s="4" t="s">
        <v>810</v>
      </c>
      <c r="C49" s="12">
        <v>0</v>
      </c>
      <c r="D49" s="12">
        <v>0</v>
      </c>
      <c r="E49" s="12">
        <v>0</v>
      </c>
      <c r="F49" s="12">
        <v>0</v>
      </c>
    </row>
    <row r="50" spans="1:6" x14ac:dyDescent="0.25">
      <c r="A50" s="3" t="s">
        <v>87</v>
      </c>
      <c r="B50" s="5" t="s">
        <v>811</v>
      </c>
      <c r="C50" s="11">
        <v>134835100</v>
      </c>
      <c r="D50" s="11">
        <v>158835100</v>
      </c>
      <c r="E50" s="11">
        <v>119409679.04000001</v>
      </c>
      <c r="F50" s="11">
        <v>75.180000000000007</v>
      </c>
    </row>
    <row r="52" spans="1:6" x14ac:dyDescent="0.25">
      <c r="A52" s="10" t="s">
        <v>6</v>
      </c>
      <c r="B52" s="10" t="s">
        <v>812</v>
      </c>
      <c r="C52" s="10" t="s">
        <v>9</v>
      </c>
      <c r="D52" s="10" t="s">
        <v>10</v>
      </c>
      <c r="E52" s="10" t="s">
        <v>11</v>
      </c>
      <c r="F52" s="10" t="s">
        <v>11</v>
      </c>
    </row>
    <row r="53" spans="1:6" ht="21" x14ac:dyDescent="0.25">
      <c r="A53" s="10" t="s">
        <v>7</v>
      </c>
      <c r="B53" s="10" t="s">
        <v>7</v>
      </c>
      <c r="C53" s="10" t="s">
        <v>7</v>
      </c>
      <c r="D53" s="10" t="s">
        <v>7</v>
      </c>
      <c r="E53" s="1" t="s">
        <v>373</v>
      </c>
      <c r="F53" s="1" t="s">
        <v>774</v>
      </c>
    </row>
    <row r="54" spans="1:6" x14ac:dyDescent="0.25">
      <c r="A54" s="3" t="s">
        <v>89</v>
      </c>
      <c r="B54" s="5" t="s">
        <v>813</v>
      </c>
      <c r="C54" s="11">
        <v>1705883700</v>
      </c>
      <c r="D54" s="11">
        <v>1705883700</v>
      </c>
      <c r="E54" s="11">
        <v>1759780232.4000001</v>
      </c>
      <c r="F54" s="11">
        <v>103.16</v>
      </c>
    </row>
    <row r="55" spans="1:6" x14ac:dyDescent="0.25">
      <c r="A55" s="2" t="s">
        <v>91</v>
      </c>
      <c r="B55" s="4" t="s">
        <v>814</v>
      </c>
      <c r="C55" s="12">
        <v>1339349900</v>
      </c>
      <c r="D55" s="12">
        <v>1339349900</v>
      </c>
      <c r="E55" s="12">
        <v>1369955254.54</v>
      </c>
      <c r="F55" s="12">
        <v>102.29</v>
      </c>
    </row>
    <row r="56" spans="1:6" x14ac:dyDescent="0.25">
      <c r="A56" s="2" t="s">
        <v>93</v>
      </c>
      <c r="B56" s="4" t="s">
        <v>815</v>
      </c>
      <c r="C56" s="12">
        <v>28462400</v>
      </c>
      <c r="D56" s="12">
        <v>28462400</v>
      </c>
      <c r="E56" s="12">
        <v>35727940.390000001</v>
      </c>
      <c r="F56" s="12">
        <v>125.53</v>
      </c>
    </row>
    <row r="57" spans="1:6" x14ac:dyDescent="0.25">
      <c r="A57" s="2" t="s">
        <v>95</v>
      </c>
      <c r="B57" s="4" t="s">
        <v>816</v>
      </c>
      <c r="C57" s="12">
        <v>69521200</v>
      </c>
      <c r="D57" s="12">
        <v>69521200</v>
      </c>
      <c r="E57" s="12">
        <v>71606228.790000007</v>
      </c>
      <c r="F57" s="12">
        <v>103</v>
      </c>
    </row>
    <row r="58" spans="1:6" x14ac:dyDescent="0.25">
      <c r="A58" s="2" t="s">
        <v>97</v>
      </c>
      <c r="B58" s="4" t="s">
        <v>817</v>
      </c>
      <c r="C58" s="12">
        <v>243761600</v>
      </c>
      <c r="D58" s="12">
        <v>243761600</v>
      </c>
      <c r="E58" s="12">
        <v>266598491.38</v>
      </c>
      <c r="F58" s="12">
        <v>109.37</v>
      </c>
    </row>
    <row r="59" spans="1:6" x14ac:dyDescent="0.25">
      <c r="A59" s="2" t="s">
        <v>99</v>
      </c>
      <c r="B59" s="4" t="s">
        <v>818</v>
      </c>
      <c r="C59" s="12">
        <v>3643400</v>
      </c>
      <c r="D59" s="12">
        <v>3643400</v>
      </c>
      <c r="E59" s="12">
        <v>0</v>
      </c>
      <c r="F59" s="12">
        <v>0</v>
      </c>
    </row>
    <row r="60" spans="1:6" x14ac:dyDescent="0.25">
      <c r="A60" s="2" t="s">
        <v>101</v>
      </c>
      <c r="B60" s="4" t="s">
        <v>819</v>
      </c>
      <c r="C60" s="12">
        <v>21145200</v>
      </c>
      <c r="D60" s="12">
        <v>21145200</v>
      </c>
      <c r="E60" s="12">
        <v>15892317.300000001</v>
      </c>
      <c r="F60" s="12">
        <v>75.16</v>
      </c>
    </row>
    <row r="61" spans="1:6" x14ac:dyDescent="0.25">
      <c r="A61" s="3" t="s">
        <v>103</v>
      </c>
      <c r="B61" s="5" t="s">
        <v>820</v>
      </c>
      <c r="C61" s="11">
        <v>1153811400</v>
      </c>
      <c r="D61" s="11">
        <v>1153811400</v>
      </c>
      <c r="E61" s="11">
        <v>1127879243.73</v>
      </c>
      <c r="F61" s="11">
        <v>97.75</v>
      </c>
    </row>
    <row r="62" spans="1:6" x14ac:dyDescent="0.25">
      <c r="A62" s="2" t="s">
        <v>105</v>
      </c>
      <c r="B62" s="4" t="s">
        <v>821</v>
      </c>
      <c r="C62" s="12">
        <v>1153811400</v>
      </c>
      <c r="D62" s="12">
        <v>1153811400</v>
      </c>
      <c r="E62" s="12">
        <v>1126004407.5</v>
      </c>
      <c r="F62" s="12">
        <v>97.59</v>
      </c>
    </row>
    <row r="63" spans="1:6" x14ac:dyDescent="0.25">
      <c r="A63" s="2" t="s">
        <v>107</v>
      </c>
      <c r="B63" s="4" t="s">
        <v>822</v>
      </c>
      <c r="C63" s="12">
        <v>0</v>
      </c>
      <c r="D63" s="12">
        <v>0</v>
      </c>
      <c r="E63" s="12">
        <v>0</v>
      </c>
      <c r="F63" s="12">
        <v>0</v>
      </c>
    </row>
    <row r="64" spans="1:6" x14ac:dyDescent="0.25">
      <c r="A64" s="2" t="s">
        <v>109</v>
      </c>
      <c r="B64" s="4" t="s">
        <v>823</v>
      </c>
      <c r="C64" s="12">
        <v>0</v>
      </c>
      <c r="D64" s="12">
        <v>0</v>
      </c>
      <c r="E64" s="12">
        <v>1874836.23</v>
      </c>
      <c r="F64" s="12">
        <v>0</v>
      </c>
    </row>
    <row r="65" spans="1:9" x14ac:dyDescent="0.25">
      <c r="A65" s="2" t="s">
        <v>111</v>
      </c>
      <c r="B65" s="4" t="s">
        <v>824</v>
      </c>
      <c r="C65" s="12">
        <v>-552072300</v>
      </c>
      <c r="D65" s="12">
        <v>-552072300</v>
      </c>
      <c r="E65" s="12">
        <v>-633775824.89999998</v>
      </c>
      <c r="F65" s="12">
        <v>114.8</v>
      </c>
    </row>
    <row r="67" spans="1:9" x14ac:dyDescent="0.25">
      <c r="A67" s="10" t="s">
        <v>6</v>
      </c>
      <c r="B67" s="10" t="s">
        <v>825</v>
      </c>
      <c r="C67" s="10" t="s">
        <v>688</v>
      </c>
    </row>
    <row r="68" spans="1:9" x14ac:dyDescent="0.25">
      <c r="A68" s="10" t="s">
        <v>7</v>
      </c>
      <c r="B68" s="10" t="s">
        <v>7</v>
      </c>
      <c r="C68" s="10" t="s">
        <v>7</v>
      </c>
    </row>
    <row r="69" spans="1:9" x14ac:dyDescent="0.25">
      <c r="A69" s="2" t="s">
        <v>113</v>
      </c>
      <c r="B69" s="4" t="s">
        <v>826</v>
      </c>
      <c r="C69" s="12">
        <v>0</v>
      </c>
    </row>
    <row r="70" spans="1:9" x14ac:dyDescent="0.25">
      <c r="A70" s="2" t="s">
        <v>115</v>
      </c>
      <c r="B70" s="4" t="s">
        <v>827</v>
      </c>
      <c r="C70" s="12">
        <v>-633775824.89999998</v>
      </c>
    </row>
    <row r="72" spans="1:9" x14ac:dyDescent="0.25">
      <c r="A72" s="10" t="s">
        <v>6</v>
      </c>
      <c r="B72" s="10" t="s">
        <v>828</v>
      </c>
      <c r="C72" s="10" t="s">
        <v>371</v>
      </c>
      <c r="D72" s="10" t="s">
        <v>829</v>
      </c>
      <c r="E72" s="10" t="s">
        <v>168</v>
      </c>
      <c r="F72" s="10" t="s">
        <v>7</v>
      </c>
      <c r="G72" s="10" t="s">
        <v>172</v>
      </c>
      <c r="H72" s="10" t="s">
        <v>7</v>
      </c>
      <c r="I72" s="10" t="s">
        <v>834</v>
      </c>
    </row>
    <row r="73" spans="1:9" ht="21" x14ac:dyDescent="0.25">
      <c r="A73" s="10" t="s">
        <v>7</v>
      </c>
      <c r="B73" s="10" t="s">
        <v>7</v>
      </c>
      <c r="C73" s="10" t="s">
        <v>7</v>
      </c>
      <c r="D73" s="10" t="s">
        <v>7</v>
      </c>
      <c r="E73" s="1" t="s">
        <v>830</v>
      </c>
      <c r="F73" s="1" t="s">
        <v>831</v>
      </c>
      <c r="G73" s="1" t="s">
        <v>832</v>
      </c>
      <c r="H73" s="1" t="s">
        <v>833</v>
      </c>
      <c r="I73" s="10" t="s">
        <v>7</v>
      </c>
    </row>
    <row r="74" spans="1:9" x14ac:dyDescent="0.25">
      <c r="A74" s="3" t="s">
        <v>117</v>
      </c>
      <c r="B74" s="5" t="s">
        <v>835</v>
      </c>
      <c r="C74" s="11">
        <v>1133811400</v>
      </c>
      <c r="D74" s="11">
        <v>1129511400</v>
      </c>
      <c r="E74" s="11">
        <v>1108155731.6199999</v>
      </c>
      <c r="F74" s="11">
        <v>98.11</v>
      </c>
      <c r="G74" s="11">
        <v>1108155731.5999999</v>
      </c>
      <c r="H74" s="11">
        <v>98.11</v>
      </c>
      <c r="I74" s="11">
        <v>0.02</v>
      </c>
    </row>
    <row r="75" spans="1:9" x14ac:dyDescent="0.25">
      <c r="A75" s="2" t="s">
        <v>119</v>
      </c>
      <c r="B75" s="4" t="s">
        <v>836</v>
      </c>
      <c r="C75" s="12">
        <v>680286840</v>
      </c>
      <c r="D75" s="12">
        <v>677706840</v>
      </c>
      <c r="E75" s="12">
        <v>664893438.97000003</v>
      </c>
      <c r="F75" s="12">
        <v>98.11</v>
      </c>
      <c r="G75" s="12">
        <v>664893438.96000004</v>
      </c>
      <c r="H75" s="12">
        <v>98.11</v>
      </c>
      <c r="I75" s="12">
        <v>0.01</v>
      </c>
    </row>
    <row r="76" spans="1:9" x14ac:dyDescent="0.25">
      <c r="A76" s="2" t="s">
        <v>120</v>
      </c>
      <c r="B76" s="4" t="s">
        <v>837</v>
      </c>
      <c r="C76" s="12">
        <v>453524560</v>
      </c>
      <c r="D76" s="12">
        <v>451804560</v>
      </c>
      <c r="E76" s="12">
        <v>443262292.64999998</v>
      </c>
      <c r="F76" s="12">
        <v>98.11</v>
      </c>
      <c r="G76" s="12">
        <v>443262292.63999999</v>
      </c>
      <c r="H76" s="12">
        <v>98.11</v>
      </c>
      <c r="I76" s="12">
        <v>0.01</v>
      </c>
    </row>
    <row r="77" spans="1:9" x14ac:dyDescent="0.25">
      <c r="A77" s="3" t="s">
        <v>121</v>
      </c>
      <c r="B77" s="5" t="s">
        <v>838</v>
      </c>
      <c r="C77" s="11">
        <v>20000000</v>
      </c>
      <c r="D77" s="11">
        <v>24300000</v>
      </c>
      <c r="E77" s="11">
        <v>14210858.310000001</v>
      </c>
      <c r="F77" s="11">
        <v>58.48</v>
      </c>
      <c r="G77" s="11">
        <v>14210858.310000001</v>
      </c>
      <c r="H77" s="11">
        <v>58.48</v>
      </c>
      <c r="I77" s="11">
        <v>0</v>
      </c>
    </row>
    <row r="78" spans="1:9" x14ac:dyDescent="0.25">
      <c r="A78" s="2" t="s">
        <v>122</v>
      </c>
      <c r="B78" s="4" t="s">
        <v>839</v>
      </c>
      <c r="C78" s="12">
        <v>20000000</v>
      </c>
      <c r="D78" s="12">
        <v>24300000</v>
      </c>
      <c r="E78" s="12">
        <v>14210858.310000001</v>
      </c>
      <c r="F78" s="12">
        <v>58.48</v>
      </c>
      <c r="G78" s="12">
        <v>14210858.310000001</v>
      </c>
      <c r="H78" s="12">
        <v>58.48</v>
      </c>
      <c r="I78" s="12">
        <v>0</v>
      </c>
    </row>
    <row r="79" spans="1:9" x14ac:dyDescent="0.25">
      <c r="A79" s="2" t="s">
        <v>123</v>
      </c>
      <c r="B79" s="4" t="s">
        <v>840</v>
      </c>
      <c r="C79" s="12">
        <v>0</v>
      </c>
      <c r="D79" s="12">
        <v>0</v>
      </c>
      <c r="E79" s="12">
        <v>0</v>
      </c>
      <c r="F79" s="12">
        <v>0</v>
      </c>
      <c r="G79" s="12">
        <v>0</v>
      </c>
      <c r="H79" s="12">
        <v>0</v>
      </c>
      <c r="I79" s="12">
        <v>0</v>
      </c>
    </row>
    <row r="80" spans="1:9" x14ac:dyDescent="0.25">
      <c r="A80" s="3" t="s">
        <v>124</v>
      </c>
      <c r="B80" s="5" t="s">
        <v>841</v>
      </c>
      <c r="C80" s="11">
        <v>1153811400</v>
      </c>
      <c r="D80" s="11">
        <v>1153811400</v>
      </c>
      <c r="E80" s="11">
        <v>1122366589.9300001</v>
      </c>
      <c r="F80" s="11">
        <v>97.27</v>
      </c>
      <c r="G80" s="11">
        <v>1122366589.9100001</v>
      </c>
      <c r="H80" s="11">
        <v>97.27</v>
      </c>
      <c r="I80" s="11">
        <v>0.02</v>
      </c>
    </row>
    <row r="82" spans="1:3" x14ac:dyDescent="0.25">
      <c r="A82" s="10" t="s">
        <v>6</v>
      </c>
      <c r="B82" s="10" t="s">
        <v>842</v>
      </c>
      <c r="C82" s="10" t="s">
        <v>688</v>
      </c>
    </row>
    <row r="83" spans="1:3" x14ac:dyDescent="0.25">
      <c r="A83" s="10" t="s">
        <v>7</v>
      </c>
      <c r="B83" s="10" t="s">
        <v>7</v>
      </c>
      <c r="C83" s="10" t="s">
        <v>7</v>
      </c>
    </row>
    <row r="84" spans="1:3" x14ac:dyDescent="0.25">
      <c r="A84" s="3" t="s">
        <v>125</v>
      </c>
      <c r="B84" s="5" t="s">
        <v>843</v>
      </c>
      <c r="C84" s="11">
        <v>0</v>
      </c>
    </row>
    <row r="85" spans="1:3" x14ac:dyDescent="0.25">
      <c r="A85" s="2" t="s">
        <v>126</v>
      </c>
      <c r="B85" s="4" t="s">
        <v>844</v>
      </c>
      <c r="C85" s="12">
        <v>0</v>
      </c>
    </row>
    <row r="86" spans="1:3" x14ac:dyDescent="0.25">
      <c r="A86" s="2" t="s">
        <v>127</v>
      </c>
      <c r="B86" s="4" t="s">
        <v>845</v>
      </c>
      <c r="C86" s="12">
        <v>0</v>
      </c>
    </row>
    <row r="87" spans="1:3" x14ac:dyDescent="0.25">
      <c r="A87" s="3" t="s">
        <v>129</v>
      </c>
      <c r="B87" s="5" t="s">
        <v>846</v>
      </c>
      <c r="C87" s="11">
        <v>0</v>
      </c>
    </row>
    <row r="88" spans="1:3" x14ac:dyDescent="0.25">
      <c r="A88" s="2" t="s">
        <v>131</v>
      </c>
      <c r="B88" s="4" t="s">
        <v>847</v>
      </c>
      <c r="C88" s="12">
        <v>0</v>
      </c>
    </row>
    <row r="89" spans="1:3" x14ac:dyDescent="0.25">
      <c r="A89" s="2" t="s">
        <v>133</v>
      </c>
      <c r="B89" s="4" t="s">
        <v>848</v>
      </c>
      <c r="C89" s="12">
        <v>0</v>
      </c>
    </row>
    <row r="90" spans="1:3" x14ac:dyDescent="0.25">
      <c r="A90" s="3" t="s">
        <v>135</v>
      </c>
      <c r="B90" s="5" t="s">
        <v>849</v>
      </c>
      <c r="C90" s="11">
        <v>0</v>
      </c>
    </row>
    <row r="92" spans="1:3" x14ac:dyDescent="0.25">
      <c r="A92" s="10" t="s">
        <v>6</v>
      </c>
      <c r="B92" s="10" t="s">
        <v>850</v>
      </c>
      <c r="C92" s="10" t="s">
        <v>688</v>
      </c>
    </row>
    <row r="93" spans="1:3" x14ac:dyDescent="0.25">
      <c r="A93" s="10" t="s">
        <v>7</v>
      </c>
      <c r="B93" s="10" t="s">
        <v>7</v>
      </c>
      <c r="C93" s="10" t="s">
        <v>7</v>
      </c>
    </row>
    <row r="94" spans="1:3" x14ac:dyDescent="0.25">
      <c r="A94" s="2" t="s">
        <v>137</v>
      </c>
      <c r="B94" s="4" t="s">
        <v>851</v>
      </c>
      <c r="C94" s="12">
        <v>1122366589.9300001</v>
      </c>
    </row>
    <row r="95" spans="1:3" x14ac:dyDescent="0.25">
      <c r="A95" s="2" t="s">
        <v>139</v>
      </c>
      <c r="B95" s="4" t="s">
        <v>852</v>
      </c>
      <c r="C95" s="12">
        <v>98.25</v>
      </c>
    </row>
    <row r="96" spans="1:3" x14ac:dyDescent="0.25">
      <c r="A96" s="2" t="s">
        <v>141</v>
      </c>
      <c r="B96" s="4" t="s">
        <v>853</v>
      </c>
      <c r="C96" s="12">
        <v>1.26</v>
      </c>
    </row>
    <row r="97" spans="1:9" x14ac:dyDescent="0.25">
      <c r="A97" s="2" t="s">
        <v>143</v>
      </c>
      <c r="B97" s="4" t="s">
        <v>854</v>
      </c>
      <c r="C97" s="12">
        <v>0.49</v>
      </c>
    </row>
    <row r="99" spans="1:9" x14ac:dyDescent="0.25">
      <c r="A99" s="10" t="s">
        <v>6</v>
      </c>
      <c r="B99" s="10" t="s">
        <v>855</v>
      </c>
      <c r="C99" s="10" t="s">
        <v>688</v>
      </c>
    </row>
    <row r="100" spans="1:9" x14ac:dyDescent="0.25">
      <c r="A100" s="10" t="s">
        <v>7</v>
      </c>
      <c r="B100" s="10" t="s">
        <v>7</v>
      </c>
      <c r="C100" s="10" t="s">
        <v>7</v>
      </c>
    </row>
    <row r="101" spans="1:9" x14ac:dyDescent="0.25">
      <c r="A101" s="2" t="s">
        <v>145</v>
      </c>
      <c r="B101" s="4" t="s">
        <v>856</v>
      </c>
      <c r="C101" s="12">
        <v>0</v>
      </c>
    </row>
    <row r="102" spans="1:9" x14ac:dyDescent="0.25">
      <c r="A102" s="2" t="s">
        <v>147</v>
      </c>
      <c r="B102" s="4" t="s">
        <v>857</v>
      </c>
      <c r="C102" s="12">
        <v>0</v>
      </c>
    </row>
    <row r="104" spans="1:9" x14ac:dyDescent="0.25">
      <c r="A104" s="10" t="s">
        <v>6</v>
      </c>
      <c r="B104" s="10" t="s">
        <v>858</v>
      </c>
      <c r="C104" s="10" t="s">
        <v>371</v>
      </c>
      <c r="D104" s="10" t="s">
        <v>829</v>
      </c>
      <c r="E104" s="10" t="s">
        <v>168</v>
      </c>
      <c r="F104" s="10" t="s">
        <v>7</v>
      </c>
      <c r="G104" s="10" t="s">
        <v>172</v>
      </c>
      <c r="H104" s="10" t="s">
        <v>7</v>
      </c>
      <c r="I104" s="10" t="s">
        <v>834</v>
      </c>
    </row>
    <row r="105" spans="1:9" ht="21" x14ac:dyDescent="0.25">
      <c r="A105" s="10" t="s">
        <v>7</v>
      </c>
      <c r="B105" s="10" t="s">
        <v>7</v>
      </c>
      <c r="C105" s="10" t="s">
        <v>7</v>
      </c>
      <c r="D105" s="10" t="s">
        <v>7</v>
      </c>
      <c r="E105" s="1" t="s">
        <v>830</v>
      </c>
      <c r="F105" s="1" t="s">
        <v>831</v>
      </c>
      <c r="G105" s="1" t="s">
        <v>859</v>
      </c>
      <c r="H105" s="1" t="s">
        <v>833</v>
      </c>
      <c r="I105" s="10" t="s">
        <v>7</v>
      </c>
    </row>
    <row r="106" spans="1:9" x14ac:dyDescent="0.25">
      <c r="A106" s="3" t="s">
        <v>149</v>
      </c>
      <c r="B106" s="5" t="s">
        <v>860</v>
      </c>
      <c r="C106" s="11">
        <v>500000</v>
      </c>
      <c r="D106" s="11">
        <v>0</v>
      </c>
      <c r="E106" s="11">
        <v>0</v>
      </c>
      <c r="F106" s="11">
        <v>0</v>
      </c>
      <c r="G106" s="11">
        <v>0</v>
      </c>
      <c r="H106" s="11">
        <v>0</v>
      </c>
      <c r="I106" s="11">
        <v>0</v>
      </c>
    </row>
    <row r="107" spans="1:9" x14ac:dyDescent="0.25">
      <c r="A107" s="2" t="s">
        <v>151</v>
      </c>
      <c r="B107" s="4" t="s">
        <v>861</v>
      </c>
      <c r="C107" s="12">
        <v>500000</v>
      </c>
      <c r="D107" s="12">
        <v>0</v>
      </c>
      <c r="E107" s="12">
        <v>0</v>
      </c>
      <c r="F107" s="12">
        <v>0</v>
      </c>
      <c r="G107" s="12">
        <v>0</v>
      </c>
      <c r="H107" s="12">
        <v>0</v>
      </c>
      <c r="I107" s="12">
        <v>0</v>
      </c>
    </row>
    <row r="108" spans="1:9" x14ac:dyDescent="0.25">
      <c r="A108" s="2" t="s">
        <v>152</v>
      </c>
      <c r="B108" s="4" t="s">
        <v>862</v>
      </c>
      <c r="C108" s="12">
        <v>0</v>
      </c>
      <c r="D108" s="12">
        <v>0</v>
      </c>
      <c r="E108" s="12">
        <v>0</v>
      </c>
      <c r="F108" s="12">
        <v>0</v>
      </c>
      <c r="G108" s="12">
        <v>0</v>
      </c>
      <c r="H108" s="12">
        <v>0</v>
      </c>
      <c r="I108" s="12">
        <v>0</v>
      </c>
    </row>
    <row r="109" spans="1:9" x14ac:dyDescent="0.25">
      <c r="A109" s="3" t="s">
        <v>153</v>
      </c>
      <c r="B109" s="5" t="s">
        <v>863</v>
      </c>
      <c r="C109" s="11">
        <v>719471840</v>
      </c>
      <c r="D109" s="11">
        <v>706460138</v>
      </c>
      <c r="E109" s="11">
        <v>683557595.11000001</v>
      </c>
      <c r="F109" s="11">
        <v>96.76</v>
      </c>
      <c r="G109" s="11">
        <v>679352245.04999995</v>
      </c>
      <c r="H109" s="11">
        <v>96.16</v>
      </c>
      <c r="I109" s="11">
        <v>4205350.0599999996</v>
      </c>
    </row>
    <row r="110" spans="1:9" x14ac:dyDescent="0.25">
      <c r="A110" s="2" t="s">
        <v>155</v>
      </c>
      <c r="B110" s="4" t="s">
        <v>864</v>
      </c>
      <c r="C110" s="12">
        <v>700286840</v>
      </c>
      <c r="D110" s="12">
        <v>702006840</v>
      </c>
      <c r="E110" s="12">
        <v>679104297.27999997</v>
      </c>
      <c r="F110" s="12">
        <v>96.74</v>
      </c>
      <c r="G110" s="12">
        <v>679104297.26999998</v>
      </c>
      <c r="H110" s="12">
        <v>96.74</v>
      </c>
      <c r="I110" s="12">
        <v>0.01</v>
      </c>
    </row>
    <row r="111" spans="1:9" x14ac:dyDescent="0.25">
      <c r="A111" s="2" t="s">
        <v>157</v>
      </c>
      <c r="B111" s="4" t="s">
        <v>865</v>
      </c>
      <c r="C111" s="12">
        <v>19185000</v>
      </c>
      <c r="D111" s="12">
        <v>4453298</v>
      </c>
      <c r="E111" s="12">
        <v>4453297.83</v>
      </c>
      <c r="F111" s="12">
        <v>100</v>
      </c>
      <c r="G111" s="12">
        <v>247947.78</v>
      </c>
      <c r="H111" s="12">
        <v>5.57</v>
      </c>
      <c r="I111" s="12">
        <v>4205350.05</v>
      </c>
    </row>
    <row r="112" spans="1:9" x14ac:dyDescent="0.25">
      <c r="A112" s="3" t="s">
        <v>159</v>
      </c>
      <c r="B112" s="5" t="s">
        <v>866</v>
      </c>
      <c r="C112" s="11">
        <v>470807560</v>
      </c>
      <c r="D112" s="11">
        <v>464405191</v>
      </c>
      <c r="E112" s="11">
        <v>455862923.10000002</v>
      </c>
      <c r="F112" s="11">
        <v>98.16</v>
      </c>
      <c r="G112" s="11">
        <v>451901398.63999999</v>
      </c>
      <c r="H112" s="11">
        <v>97.31</v>
      </c>
      <c r="I112" s="11">
        <v>3961524.46</v>
      </c>
    </row>
    <row r="113" spans="1:9" x14ac:dyDescent="0.25">
      <c r="A113" s="2" t="s">
        <v>161</v>
      </c>
      <c r="B113" s="4" t="s">
        <v>867</v>
      </c>
      <c r="C113" s="12">
        <v>453524560</v>
      </c>
      <c r="D113" s="12">
        <v>451804560</v>
      </c>
      <c r="E113" s="12">
        <v>443262292.64999998</v>
      </c>
      <c r="F113" s="12">
        <v>98.11</v>
      </c>
      <c r="G113" s="12">
        <v>443262292.63999999</v>
      </c>
      <c r="H113" s="12">
        <v>98.11</v>
      </c>
      <c r="I113" s="12">
        <v>0.01</v>
      </c>
    </row>
    <row r="114" spans="1:9" x14ac:dyDescent="0.25">
      <c r="A114" s="2" t="s">
        <v>163</v>
      </c>
      <c r="B114" s="4" t="s">
        <v>868</v>
      </c>
      <c r="C114" s="12">
        <v>17283000</v>
      </c>
      <c r="D114" s="12">
        <v>12600631</v>
      </c>
      <c r="E114" s="12">
        <v>12600630.449999999</v>
      </c>
      <c r="F114" s="12">
        <v>100</v>
      </c>
      <c r="G114" s="12">
        <v>8639106</v>
      </c>
      <c r="H114" s="12">
        <v>68.56</v>
      </c>
      <c r="I114" s="12">
        <v>3961524.45</v>
      </c>
    </row>
    <row r="115" spans="1:9" x14ac:dyDescent="0.25">
      <c r="A115" s="2" t="s">
        <v>178</v>
      </c>
      <c r="B115" s="4" t="s">
        <v>869</v>
      </c>
      <c r="C115" s="12">
        <v>7344600</v>
      </c>
      <c r="D115" s="12">
        <v>6786100</v>
      </c>
      <c r="E115" s="12">
        <v>5521861.25</v>
      </c>
      <c r="F115" s="12">
        <v>81.37</v>
      </c>
      <c r="G115" s="12">
        <v>4715151.92</v>
      </c>
      <c r="H115" s="12">
        <v>69.48</v>
      </c>
      <c r="I115" s="12">
        <v>806709.33</v>
      </c>
    </row>
    <row r="116" spans="1:9" x14ac:dyDescent="0.25">
      <c r="A116" s="2" t="s">
        <v>180</v>
      </c>
      <c r="B116" s="4" t="s">
        <v>870</v>
      </c>
      <c r="C116" s="12">
        <v>4089000</v>
      </c>
      <c r="D116" s="12">
        <v>948932</v>
      </c>
      <c r="E116" s="12">
        <v>756742.02</v>
      </c>
      <c r="F116" s="12">
        <v>79.75</v>
      </c>
      <c r="G116" s="12">
        <v>320366.78999999998</v>
      </c>
      <c r="H116" s="12">
        <v>33.76</v>
      </c>
      <c r="I116" s="12">
        <v>436375.23</v>
      </c>
    </row>
    <row r="117" spans="1:9" x14ac:dyDescent="0.25">
      <c r="A117" s="2" t="s">
        <v>182</v>
      </c>
      <c r="B117" s="4" t="s">
        <v>871</v>
      </c>
      <c r="C117" s="12">
        <v>916256100</v>
      </c>
      <c r="D117" s="12">
        <v>1666821151.24</v>
      </c>
      <c r="E117" s="12">
        <v>1638074486.6400001</v>
      </c>
      <c r="F117" s="12">
        <v>98.28</v>
      </c>
      <c r="G117" s="12">
        <v>1618662578.3199999</v>
      </c>
      <c r="H117" s="12">
        <v>97.11</v>
      </c>
      <c r="I117" s="12">
        <v>19411908.32</v>
      </c>
    </row>
    <row r="118" spans="1:9" x14ac:dyDescent="0.25">
      <c r="A118" s="3" t="s">
        <v>184</v>
      </c>
      <c r="B118" s="5" t="s">
        <v>872</v>
      </c>
      <c r="C118" s="11">
        <v>2118469100</v>
      </c>
      <c r="D118" s="11">
        <v>2845421512.2399998</v>
      </c>
      <c r="E118" s="11">
        <v>2783773608.1199999</v>
      </c>
      <c r="F118" s="11">
        <v>97.83</v>
      </c>
      <c r="G118" s="11">
        <v>2754951740.7199998</v>
      </c>
      <c r="H118" s="11">
        <v>96.82</v>
      </c>
      <c r="I118" s="11">
        <v>28821867.399999999</v>
      </c>
    </row>
    <row r="120" spans="1:9" x14ac:dyDescent="0.25">
      <c r="A120" s="10" t="s">
        <v>6</v>
      </c>
      <c r="B120" s="10" t="s">
        <v>873</v>
      </c>
      <c r="C120" s="10" t="s">
        <v>688</v>
      </c>
    </row>
    <row r="121" spans="1:9" x14ac:dyDescent="0.25">
      <c r="A121" s="10" t="s">
        <v>7</v>
      </c>
      <c r="B121" s="10" t="s">
        <v>7</v>
      </c>
      <c r="C121" s="10" t="s">
        <v>7</v>
      </c>
    </row>
    <row r="122" spans="1:9" x14ac:dyDescent="0.25">
      <c r="A122" s="2" t="s">
        <v>186</v>
      </c>
      <c r="B122" s="4" t="s">
        <v>874</v>
      </c>
      <c r="C122" s="12">
        <v>-633775824.89999998</v>
      </c>
    </row>
    <row r="123" spans="1:9" x14ac:dyDescent="0.25">
      <c r="A123" s="2" t="s">
        <v>188</v>
      </c>
      <c r="B123" s="4" t="s">
        <v>875</v>
      </c>
      <c r="C123" s="12">
        <v>0</v>
      </c>
    </row>
    <row r="124" spans="1:9" x14ac:dyDescent="0.25">
      <c r="A124" s="2" t="s">
        <v>190</v>
      </c>
      <c r="B124" s="4" t="s">
        <v>876</v>
      </c>
      <c r="C124" s="12">
        <v>0</v>
      </c>
    </row>
    <row r="125" spans="1:9" x14ac:dyDescent="0.25">
      <c r="A125" s="2" t="s">
        <v>192</v>
      </c>
      <c r="B125" s="4" t="s">
        <v>877</v>
      </c>
      <c r="C125" s="12">
        <v>0</v>
      </c>
    </row>
    <row r="126" spans="1:9" x14ac:dyDescent="0.25">
      <c r="A126" s="2" t="s">
        <v>194</v>
      </c>
      <c r="B126" s="4" t="s">
        <v>878</v>
      </c>
      <c r="C126" s="12">
        <v>0</v>
      </c>
    </row>
    <row r="127" spans="1:9" x14ac:dyDescent="0.25">
      <c r="A127" s="2" t="s">
        <v>196</v>
      </c>
      <c r="B127" s="4" t="s">
        <v>879</v>
      </c>
      <c r="C127" s="12">
        <v>12803590.33</v>
      </c>
    </row>
    <row r="128" spans="1:9" x14ac:dyDescent="0.25">
      <c r="A128" s="3" t="s">
        <v>198</v>
      </c>
      <c r="B128" s="5" t="s">
        <v>880</v>
      </c>
      <c r="C128" s="11">
        <v>-620972234.57000005</v>
      </c>
    </row>
    <row r="129" spans="1:9" x14ac:dyDescent="0.25">
      <c r="A129" s="2" t="s">
        <v>200</v>
      </c>
      <c r="B129" s="4" t="s">
        <v>881</v>
      </c>
      <c r="C129" s="12">
        <v>3404745842.6900001</v>
      </c>
    </row>
    <row r="130" spans="1:9" x14ac:dyDescent="0.25">
      <c r="A130" s="2" t="s">
        <v>202</v>
      </c>
      <c r="B130" s="4" t="s">
        <v>882</v>
      </c>
      <c r="C130" s="12">
        <v>35.19</v>
      </c>
    </row>
    <row r="132" spans="1:9" x14ac:dyDescent="0.25">
      <c r="A132" s="10" t="s">
        <v>6</v>
      </c>
      <c r="B132" s="10" t="s">
        <v>883</v>
      </c>
      <c r="C132" s="10" t="s">
        <v>371</v>
      </c>
      <c r="D132" s="10" t="s">
        <v>829</v>
      </c>
      <c r="E132" s="10" t="s">
        <v>168</v>
      </c>
      <c r="F132" s="10" t="s">
        <v>7</v>
      </c>
      <c r="G132" s="10" t="s">
        <v>172</v>
      </c>
      <c r="H132" s="10" t="s">
        <v>7</v>
      </c>
      <c r="I132" s="10" t="s">
        <v>834</v>
      </c>
    </row>
    <row r="133" spans="1:9" ht="21" x14ac:dyDescent="0.25">
      <c r="A133" s="10" t="s">
        <v>7</v>
      </c>
      <c r="B133" s="10" t="s">
        <v>7</v>
      </c>
      <c r="C133" s="10" t="s">
        <v>7</v>
      </c>
      <c r="D133" s="10" t="s">
        <v>7</v>
      </c>
      <c r="E133" s="1" t="s">
        <v>830</v>
      </c>
      <c r="F133" s="1" t="s">
        <v>831</v>
      </c>
      <c r="G133" s="1" t="s">
        <v>859</v>
      </c>
      <c r="H133" s="1" t="s">
        <v>833</v>
      </c>
      <c r="I133" s="10" t="s">
        <v>7</v>
      </c>
    </row>
    <row r="134" spans="1:9" x14ac:dyDescent="0.25">
      <c r="A134" s="2" t="s">
        <v>204</v>
      </c>
      <c r="B134" s="4" t="s">
        <v>884</v>
      </c>
      <c r="C134" s="12">
        <v>0</v>
      </c>
      <c r="D134" s="12">
        <v>0</v>
      </c>
      <c r="E134" s="12">
        <v>0</v>
      </c>
      <c r="F134" s="12">
        <v>0</v>
      </c>
      <c r="G134" s="12">
        <v>0</v>
      </c>
      <c r="H134" s="12">
        <v>0</v>
      </c>
      <c r="I134" s="12">
        <v>0</v>
      </c>
    </row>
    <row r="135" spans="1:9" x14ac:dyDescent="0.25">
      <c r="A135" s="2" t="s">
        <v>206</v>
      </c>
      <c r="B135" s="4" t="s">
        <v>885</v>
      </c>
      <c r="C135" s="12">
        <v>70173200</v>
      </c>
      <c r="D135" s="12">
        <v>70173200</v>
      </c>
      <c r="E135" s="12">
        <v>62007147.079999998</v>
      </c>
      <c r="F135" s="12">
        <v>88.36</v>
      </c>
      <c r="G135" s="12">
        <v>52397104.07</v>
      </c>
      <c r="H135" s="12">
        <v>74.67</v>
      </c>
      <c r="I135" s="12">
        <v>9610043.0099999998</v>
      </c>
    </row>
    <row r="136" spans="1:9" x14ac:dyDescent="0.25">
      <c r="A136" s="2" t="s">
        <v>208</v>
      </c>
      <c r="B136" s="4" t="s">
        <v>886</v>
      </c>
      <c r="C136" s="12">
        <v>0</v>
      </c>
      <c r="D136" s="12">
        <v>0</v>
      </c>
      <c r="E136" s="12">
        <v>0</v>
      </c>
      <c r="F136" s="12">
        <v>0</v>
      </c>
      <c r="G136" s="12">
        <v>0</v>
      </c>
      <c r="H136" s="12">
        <v>0</v>
      </c>
      <c r="I136" s="12">
        <v>0</v>
      </c>
    </row>
    <row r="137" spans="1:9" x14ac:dyDescent="0.25">
      <c r="A137" s="2" t="s">
        <v>210</v>
      </c>
      <c r="B137" s="4" t="s">
        <v>887</v>
      </c>
      <c r="C137" s="12">
        <v>66732900</v>
      </c>
      <c r="D137" s="12">
        <v>90732900</v>
      </c>
      <c r="E137" s="12">
        <v>55902793.140000001</v>
      </c>
      <c r="F137" s="12">
        <v>61.61</v>
      </c>
      <c r="G137" s="12">
        <v>40840773.850000001</v>
      </c>
      <c r="H137" s="12">
        <v>45.01</v>
      </c>
      <c r="I137" s="12">
        <v>15062019.289999999</v>
      </c>
    </row>
    <row r="138" spans="1:9" x14ac:dyDescent="0.25">
      <c r="A138" s="3" t="s">
        <v>212</v>
      </c>
      <c r="B138" s="5" t="s">
        <v>888</v>
      </c>
      <c r="C138" s="11">
        <v>136906100</v>
      </c>
      <c r="D138" s="11">
        <v>160906100</v>
      </c>
      <c r="E138" s="11">
        <v>117909940.22</v>
      </c>
      <c r="F138" s="11">
        <v>73.28</v>
      </c>
      <c r="G138" s="11">
        <v>93237877.920000002</v>
      </c>
      <c r="H138" s="11">
        <v>57.95</v>
      </c>
      <c r="I138" s="11">
        <v>24672062.300000001</v>
      </c>
    </row>
    <row r="139" spans="1:9" x14ac:dyDescent="0.25">
      <c r="A139" s="2" t="s">
        <v>214</v>
      </c>
      <c r="B139" s="4" t="s">
        <v>889</v>
      </c>
      <c r="C139" s="12">
        <v>2255375200</v>
      </c>
      <c r="D139" s="12">
        <v>3006327612.2399998</v>
      </c>
      <c r="E139" s="12">
        <v>2901683548.3400002</v>
      </c>
      <c r="F139" s="12">
        <v>96.52</v>
      </c>
      <c r="G139" s="12">
        <v>2848189618.6399999</v>
      </c>
      <c r="H139" s="12">
        <v>94.74</v>
      </c>
      <c r="I139" s="12">
        <v>53493929.700000003</v>
      </c>
    </row>
    <row r="141" spans="1:9" x14ac:dyDescent="0.25">
      <c r="A141" s="10" t="s">
        <v>6</v>
      </c>
      <c r="B141" s="10" t="s">
        <v>890</v>
      </c>
      <c r="C141" s="10" t="s">
        <v>891</v>
      </c>
      <c r="D141" s="10" t="s">
        <v>892</v>
      </c>
    </row>
    <row r="142" spans="1:9" x14ac:dyDescent="0.25">
      <c r="A142" s="10" t="s">
        <v>7</v>
      </c>
      <c r="B142" s="10" t="s">
        <v>7</v>
      </c>
      <c r="C142" s="10" t="s">
        <v>7</v>
      </c>
      <c r="D142" s="10" t="s">
        <v>7</v>
      </c>
    </row>
    <row r="143" spans="1:9" x14ac:dyDescent="0.25">
      <c r="A143" s="3" t="s">
        <v>216</v>
      </c>
      <c r="B143" s="5" t="s">
        <v>893</v>
      </c>
      <c r="C143" s="11">
        <v>6762557.2699999996</v>
      </c>
      <c r="D143" s="11">
        <v>12803590.33</v>
      </c>
    </row>
    <row r="144" spans="1:9" x14ac:dyDescent="0.25">
      <c r="A144" s="2" t="s">
        <v>217</v>
      </c>
      <c r="B144" s="4" t="s">
        <v>894</v>
      </c>
      <c r="C144" s="12">
        <v>6762557.2699999996</v>
      </c>
      <c r="D144" s="12">
        <v>11823634.02</v>
      </c>
    </row>
    <row r="145" spans="1:4" x14ac:dyDescent="0.25">
      <c r="A145" s="2" t="s">
        <v>218</v>
      </c>
      <c r="B145" s="4" t="s">
        <v>895</v>
      </c>
      <c r="C145" s="12">
        <v>0</v>
      </c>
      <c r="D145" s="12">
        <v>979956.31</v>
      </c>
    </row>
    <row r="147" spans="1:4" x14ac:dyDescent="0.25">
      <c r="A147" s="10" t="s">
        <v>6</v>
      </c>
      <c r="B147" s="10" t="s">
        <v>896</v>
      </c>
      <c r="C147" s="10" t="s">
        <v>897</v>
      </c>
      <c r="D147" s="10" t="s">
        <v>898</v>
      </c>
    </row>
    <row r="148" spans="1:4" x14ac:dyDescent="0.25">
      <c r="A148" s="10" t="s">
        <v>7</v>
      </c>
      <c r="B148" s="10" t="s">
        <v>7</v>
      </c>
      <c r="C148" s="10" t="s">
        <v>7</v>
      </c>
      <c r="D148" s="10" t="s">
        <v>7</v>
      </c>
    </row>
    <row r="149" spans="1:4" x14ac:dyDescent="0.25">
      <c r="A149" s="2" t="s">
        <v>220</v>
      </c>
      <c r="B149" s="4" t="s">
        <v>899</v>
      </c>
      <c r="C149" s="12">
        <v>75580178.609999999</v>
      </c>
      <c r="D149" s="12">
        <v>-2495885.0699999998</v>
      </c>
    </row>
    <row r="150" spans="1:4" x14ac:dyDescent="0.25">
      <c r="A150" s="2" t="s">
        <v>222</v>
      </c>
      <c r="B150" s="4" t="s">
        <v>900</v>
      </c>
      <c r="C150" s="12">
        <v>1126004407.5</v>
      </c>
      <c r="D150" s="12">
        <v>73573442.230000004</v>
      </c>
    </row>
    <row r="151" spans="1:4" x14ac:dyDescent="0.25">
      <c r="A151" s="3" t="s">
        <v>224</v>
      </c>
      <c r="B151" s="5" t="s">
        <v>901</v>
      </c>
      <c r="C151" s="11">
        <v>1134646261.9400001</v>
      </c>
      <c r="D151" s="11">
        <v>52407995.18</v>
      </c>
    </row>
    <row r="152" spans="1:4" x14ac:dyDescent="0.25">
      <c r="A152" s="2" t="s">
        <v>227</v>
      </c>
      <c r="B152" s="4" t="s">
        <v>902</v>
      </c>
      <c r="C152" s="12">
        <v>1096566953.8599999</v>
      </c>
      <c r="D152" s="12">
        <v>52397104.07</v>
      </c>
    </row>
    <row r="153" spans="1:4" x14ac:dyDescent="0.25">
      <c r="A153" s="2" t="s">
        <v>229</v>
      </c>
      <c r="B153" s="4" t="s">
        <v>903</v>
      </c>
      <c r="C153" s="12">
        <v>38079308.079999998</v>
      </c>
      <c r="D153" s="12">
        <v>10891.11</v>
      </c>
    </row>
    <row r="154" spans="1:4" x14ac:dyDescent="0.25">
      <c r="A154" s="2" t="s">
        <v>231</v>
      </c>
      <c r="B154" s="4" t="s">
        <v>904</v>
      </c>
      <c r="C154" s="12">
        <v>1874836.23</v>
      </c>
      <c r="D154" s="12">
        <v>392811.28</v>
      </c>
    </row>
    <row r="155" spans="1:4" x14ac:dyDescent="0.25">
      <c r="A155" s="3" t="s">
        <v>233</v>
      </c>
      <c r="B155" s="5" t="s">
        <v>905</v>
      </c>
      <c r="C155" s="11">
        <v>68813160.400000006</v>
      </c>
      <c r="D155" s="11">
        <v>19062373.260000002</v>
      </c>
    </row>
    <row r="156" spans="1:4" x14ac:dyDescent="0.25">
      <c r="A156" s="3" t="s">
        <v>235</v>
      </c>
      <c r="B156" s="5" t="s">
        <v>906</v>
      </c>
      <c r="C156" s="11">
        <v>-23884451.309999999</v>
      </c>
      <c r="D156" s="11">
        <v>3012454.93</v>
      </c>
    </row>
    <row r="157" spans="1:4" x14ac:dyDescent="0.25">
      <c r="A157" s="2" t="s">
        <v>237</v>
      </c>
      <c r="B157" s="4" t="s">
        <v>907</v>
      </c>
      <c r="C157" s="12">
        <v>1578356.82</v>
      </c>
      <c r="D157" s="12">
        <v>-58803.65</v>
      </c>
    </row>
    <row r="158" spans="1:4" x14ac:dyDescent="0.25">
      <c r="A158" s="2" t="s">
        <v>239</v>
      </c>
      <c r="B158" s="4" t="s">
        <v>908</v>
      </c>
      <c r="C158" s="12">
        <v>0</v>
      </c>
      <c r="D158" s="12">
        <v>0</v>
      </c>
    </row>
    <row r="159" spans="1:4" x14ac:dyDescent="0.25">
      <c r="A159" s="2" t="s">
        <v>241</v>
      </c>
      <c r="B159" s="4" t="s">
        <v>909</v>
      </c>
      <c r="C159" s="12">
        <v>-25462808.129999999</v>
      </c>
      <c r="D159" s="12">
        <v>3071258.58</v>
      </c>
    </row>
    <row r="160" spans="1:4" x14ac:dyDescent="0.25">
      <c r="A160" s="2" t="s">
        <v>243</v>
      </c>
      <c r="B160" s="4" t="s">
        <v>910</v>
      </c>
      <c r="C160" s="12">
        <v>0</v>
      </c>
      <c r="D160" s="12">
        <v>0</v>
      </c>
    </row>
    <row r="161" spans="1:4" x14ac:dyDescent="0.25">
      <c r="A161" s="3" t="s">
        <v>245</v>
      </c>
      <c r="B161" s="5" t="s">
        <v>911</v>
      </c>
      <c r="C161" s="11">
        <v>44928709.090000004</v>
      </c>
      <c r="D161" s="11">
        <v>22074828.190000001</v>
      </c>
    </row>
  </sheetData>
  <mergeCells count="65">
    <mergeCell ref="A147:A148"/>
    <mergeCell ref="B147:B148"/>
    <mergeCell ref="C147:C148"/>
    <mergeCell ref="D147:D148"/>
    <mergeCell ref="G132:H132"/>
    <mergeCell ref="I132:I133"/>
    <mergeCell ref="A141:A142"/>
    <mergeCell ref="B141:B142"/>
    <mergeCell ref="C141:C142"/>
    <mergeCell ref="D141:D142"/>
    <mergeCell ref="A132:A133"/>
    <mergeCell ref="B132:B133"/>
    <mergeCell ref="C132:C133"/>
    <mergeCell ref="D132:D133"/>
    <mergeCell ref="E132:F132"/>
    <mergeCell ref="G104:H104"/>
    <mergeCell ref="I104:I105"/>
    <mergeCell ref="A120:A121"/>
    <mergeCell ref="B120:B121"/>
    <mergeCell ref="C120:C121"/>
    <mergeCell ref="A104:A105"/>
    <mergeCell ref="B104:B105"/>
    <mergeCell ref="C104:C105"/>
    <mergeCell ref="D104:D105"/>
    <mergeCell ref="E104:F104"/>
    <mergeCell ref="A92:A93"/>
    <mergeCell ref="B92:B93"/>
    <mergeCell ref="C92:C93"/>
    <mergeCell ref="A99:A100"/>
    <mergeCell ref="B99:B100"/>
    <mergeCell ref="C99:C100"/>
    <mergeCell ref="D72:D73"/>
    <mergeCell ref="E72:F72"/>
    <mergeCell ref="G72:H72"/>
    <mergeCell ref="I72:I73"/>
    <mergeCell ref="A82:A83"/>
    <mergeCell ref="B82:B83"/>
    <mergeCell ref="C82:C83"/>
    <mergeCell ref="A67:A68"/>
    <mergeCell ref="B67:B68"/>
    <mergeCell ref="C67:C68"/>
    <mergeCell ref="A72:A73"/>
    <mergeCell ref="B72:B73"/>
    <mergeCell ref="C72:C73"/>
    <mergeCell ref="A52:A53"/>
    <mergeCell ref="B52:B53"/>
    <mergeCell ref="C52:C53"/>
    <mergeCell ref="D52:D53"/>
    <mergeCell ref="E52:F52"/>
    <mergeCell ref="A35:A36"/>
    <mergeCell ref="B35:B36"/>
    <mergeCell ref="C35:C36"/>
    <mergeCell ref="D35:D36"/>
    <mergeCell ref="E35:F35"/>
    <mergeCell ref="A9:I9"/>
    <mergeCell ref="A10:A11"/>
    <mergeCell ref="B10:B11"/>
    <mergeCell ref="C10:C11"/>
    <mergeCell ref="D10:D11"/>
    <mergeCell ref="E10:F10"/>
    <mergeCell ref="A3:I3"/>
    <mergeCell ref="A4:I4"/>
    <mergeCell ref="A5:I5"/>
    <mergeCell ref="A6:I6"/>
    <mergeCell ref="A7:I7"/>
  </mergeCells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E26"/>
  <sheetViews>
    <sheetView showGridLines="0" workbookViewId="0"/>
  </sheetViews>
  <sheetFormatPr defaultRowHeight="15" x14ac:dyDescent="0.25"/>
  <cols>
    <col min="1" max="1" width="1.85546875" bestFit="1" customWidth="1"/>
    <col min="2" max="2" width="43.140625" bestFit="1" customWidth="1"/>
    <col min="3" max="4" width="19" bestFit="1" customWidth="1"/>
    <col min="5" max="5" width="17.28515625" bestFit="1" customWidth="1"/>
  </cols>
  <sheetData>
    <row r="3" spans="1:5" x14ac:dyDescent="0.25">
      <c r="A3" s="6" t="s">
        <v>0</v>
      </c>
      <c r="B3" s="7"/>
      <c r="C3" s="7"/>
      <c r="D3" s="7"/>
      <c r="E3" s="7"/>
    </row>
    <row r="4" spans="1:5" x14ac:dyDescent="0.25">
      <c r="A4" s="6" t="s">
        <v>1</v>
      </c>
      <c r="B4" s="7"/>
      <c r="C4" s="7"/>
      <c r="D4" s="7"/>
      <c r="E4" s="7"/>
    </row>
    <row r="5" spans="1:5" x14ac:dyDescent="0.25">
      <c r="A5" s="8" t="s">
        <v>912</v>
      </c>
      <c r="B5" s="7"/>
      <c r="C5" s="7"/>
      <c r="D5" s="7"/>
      <c r="E5" s="7"/>
    </row>
    <row r="6" spans="1:5" x14ac:dyDescent="0.25">
      <c r="A6" s="6" t="s">
        <v>3</v>
      </c>
      <c r="B6" s="7"/>
      <c r="C6" s="7"/>
      <c r="D6" s="7"/>
      <c r="E6" s="7"/>
    </row>
    <row r="7" spans="1:5" x14ac:dyDescent="0.25">
      <c r="A7" s="6" t="s">
        <v>4</v>
      </c>
      <c r="B7" s="7"/>
      <c r="C7" s="7"/>
      <c r="D7" s="7"/>
      <c r="E7" s="7"/>
    </row>
    <row r="9" spans="1:5" x14ac:dyDescent="0.25">
      <c r="A9" s="9" t="s">
        <v>913</v>
      </c>
      <c r="B9" s="7"/>
      <c r="C9" s="7"/>
      <c r="D9" s="7"/>
      <c r="E9" s="7"/>
    </row>
    <row r="10" spans="1:5" x14ac:dyDescent="0.25">
      <c r="A10" s="10" t="s">
        <v>6</v>
      </c>
      <c r="B10" s="10" t="s">
        <v>8</v>
      </c>
      <c r="C10" s="10" t="s">
        <v>10</v>
      </c>
      <c r="D10" s="10" t="s">
        <v>914</v>
      </c>
      <c r="E10" s="10" t="s">
        <v>915</v>
      </c>
    </row>
    <row r="11" spans="1:5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0" t="s">
        <v>7</v>
      </c>
    </row>
    <row r="12" spans="1:5" x14ac:dyDescent="0.25">
      <c r="A12" s="2" t="s">
        <v>17</v>
      </c>
      <c r="B12" s="4" t="s">
        <v>916</v>
      </c>
      <c r="C12" s="12">
        <v>55793379</v>
      </c>
      <c r="D12" s="12">
        <v>11562423.890000001</v>
      </c>
      <c r="E12" s="12">
        <v>44230955.109999999</v>
      </c>
    </row>
    <row r="14" spans="1:5" x14ac:dyDescent="0.25">
      <c r="A14" s="10" t="s">
        <v>6</v>
      </c>
      <c r="B14" s="10" t="s">
        <v>165</v>
      </c>
      <c r="C14" s="10" t="s">
        <v>829</v>
      </c>
      <c r="D14" s="10" t="s">
        <v>917</v>
      </c>
      <c r="E14" s="10" t="s">
        <v>918</v>
      </c>
    </row>
    <row r="15" spans="1:5" x14ac:dyDescent="0.25">
      <c r="A15" s="10" t="s">
        <v>7</v>
      </c>
      <c r="B15" s="10" t="s">
        <v>7</v>
      </c>
      <c r="C15" s="10" t="s">
        <v>7</v>
      </c>
      <c r="D15" s="10" t="s">
        <v>7</v>
      </c>
      <c r="E15" s="10" t="s">
        <v>7</v>
      </c>
    </row>
    <row r="16" spans="1:5" x14ac:dyDescent="0.25">
      <c r="A16" s="3" t="s">
        <v>19</v>
      </c>
      <c r="B16" s="5" t="s">
        <v>359</v>
      </c>
      <c r="C16" s="11">
        <v>1868353852.3399999</v>
      </c>
      <c r="D16" s="11">
        <v>1301052030.76</v>
      </c>
      <c r="E16" s="11">
        <v>567301821.58000004</v>
      </c>
    </row>
    <row r="17" spans="1:5" x14ac:dyDescent="0.25">
      <c r="A17" s="2" t="s">
        <v>21</v>
      </c>
      <c r="B17" s="4" t="s">
        <v>919</v>
      </c>
      <c r="C17" s="12">
        <v>1622594380</v>
      </c>
      <c r="D17" s="12">
        <v>1068213335.76</v>
      </c>
      <c r="E17" s="12">
        <v>554381044.24000001</v>
      </c>
    </row>
    <row r="18" spans="1:5" x14ac:dyDescent="0.25">
      <c r="A18" s="2" t="s">
        <v>23</v>
      </c>
      <c r="B18" s="4" t="s">
        <v>920</v>
      </c>
      <c r="C18" s="12">
        <v>7979349</v>
      </c>
      <c r="D18" s="12">
        <v>0</v>
      </c>
      <c r="E18" s="12">
        <v>7979349</v>
      </c>
    </row>
    <row r="19" spans="1:5" x14ac:dyDescent="0.25">
      <c r="A19" s="2" t="s">
        <v>25</v>
      </c>
      <c r="B19" s="4" t="s">
        <v>921</v>
      </c>
      <c r="C19" s="12">
        <v>237780123.34</v>
      </c>
      <c r="D19" s="12">
        <v>232838695</v>
      </c>
      <c r="E19" s="12">
        <v>4941428.34</v>
      </c>
    </row>
    <row r="20" spans="1:5" x14ac:dyDescent="0.25">
      <c r="A20" s="2" t="s">
        <v>27</v>
      </c>
      <c r="B20" s="4" t="s">
        <v>922</v>
      </c>
      <c r="C20" s="12">
        <v>0</v>
      </c>
      <c r="D20" s="12">
        <v>0</v>
      </c>
      <c r="E20" s="12">
        <v>0</v>
      </c>
    </row>
    <row r="21" spans="1:5" x14ac:dyDescent="0.25">
      <c r="A21" s="2" t="s">
        <v>29</v>
      </c>
      <c r="B21" s="4" t="s">
        <v>923</v>
      </c>
      <c r="C21" s="12">
        <v>0</v>
      </c>
      <c r="D21" s="12">
        <v>0</v>
      </c>
      <c r="E21" s="12">
        <v>0</v>
      </c>
    </row>
    <row r="22" spans="1:5" x14ac:dyDescent="0.25">
      <c r="A22" s="3" t="s">
        <v>31</v>
      </c>
      <c r="B22" s="5" t="s">
        <v>924</v>
      </c>
      <c r="C22" s="11">
        <v>1868353852.3399999</v>
      </c>
      <c r="D22" s="11">
        <v>1301052030.76</v>
      </c>
      <c r="E22" s="11">
        <v>567301821.58000004</v>
      </c>
    </row>
    <row r="24" spans="1:5" x14ac:dyDescent="0.25">
      <c r="A24" s="10" t="s">
        <v>6</v>
      </c>
      <c r="B24" s="10" t="s">
        <v>925</v>
      </c>
      <c r="C24" s="10" t="s">
        <v>926</v>
      </c>
      <c r="D24" s="10" t="s">
        <v>927</v>
      </c>
      <c r="E24" s="10" t="s">
        <v>928</v>
      </c>
    </row>
    <row r="25" spans="1:5" x14ac:dyDescent="0.25">
      <c r="A25" s="10" t="s">
        <v>7</v>
      </c>
      <c r="B25" s="10" t="s">
        <v>7</v>
      </c>
      <c r="C25" s="10" t="s">
        <v>7</v>
      </c>
      <c r="D25" s="10" t="s">
        <v>7</v>
      </c>
      <c r="E25" s="10" t="s">
        <v>7</v>
      </c>
    </row>
    <row r="26" spans="1:5" x14ac:dyDescent="0.25">
      <c r="A26" s="2" t="s">
        <v>33</v>
      </c>
      <c r="B26" s="4" t="s">
        <v>929</v>
      </c>
      <c r="C26" s="12">
        <v>-1812560473.3399999</v>
      </c>
      <c r="D26" s="12">
        <v>-1289489606.8699999</v>
      </c>
      <c r="E26" s="12">
        <v>-523070866.47000003</v>
      </c>
    </row>
  </sheetData>
  <mergeCells count="21">
    <mergeCell ref="A24:A25"/>
    <mergeCell ref="B24:B25"/>
    <mergeCell ref="C24:C25"/>
    <mergeCell ref="D24:D25"/>
    <mergeCell ref="E24:E25"/>
    <mergeCell ref="A14:A15"/>
    <mergeCell ref="B14:B15"/>
    <mergeCell ref="C14:C15"/>
    <mergeCell ref="D14:D15"/>
    <mergeCell ref="E14:E15"/>
    <mergeCell ref="A9:E9"/>
    <mergeCell ref="A10:A11"/>
    <mergeCell ref="B10:B11"/>
    <mergeCell ref="C10:C11"/>
    <mergeCell ref="D10:D11"/>
    <mergeCell ref="E10:E11"/>
    <mergeCell ref="A3:E3"/>
    <mergeCell ref="A4:E4"/>
    <mergeCell ref="A5:E5"/>
    <mergeCell ref="A6:E6"/>
    <mergeCell ref="A7:E7"/>
  </mergeCells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87"/>
  <sheetViews>
    <sheetView showGridLines="0" workbookViewId="0"/>
  </sheetViews>
  <sheetFormatPr defaultRowHeight="15" x14ac:dyDescent="0.25"/>
  <cols>
    <col min="1" max="1" width="3.28515625" bestFit="1" customWidth="1"/>
    <col min="2" max="2" width="10.85546875" bestFit="1" customWidth="1"/>
    <col min="3" max="4" width="16.85546875" bestFit="1" customWidth="1"/>
    <col min="5" max="5" width="15.28515625" bestFit="1" customWidth="1"/>
    <col min="6" max="6" width="18" bestFit="1" customWidth="1"/>
  </cols>
  <sheetData>
    <row r="3" spans="1:6" x14ac:dyDescent="0.25">
      <c r="A3" s="6" t="s">
        <v>0</v>
      </c>
      <c r="B3" s="7"/>
      <c r="C3" s="7"/>
      <c r="D3" s="7"/>
      <c r="E3" s="7"/>
      <c r="F3" s="7"/>
    </row>
    <row r="4" spans="1:6" x14ac:dyDescent="0.25">
      <c r="A4" s="6" t="s">
        <v>1</v>
      </c>
      <c r="B4" s="7"/>
      <c r="C4" s="7"/>
      <c r="D4" s="7"/>
      <c r="E4" s="7"/>
      <c r="F4" s="7"/>
    </row>
    <row r="5" spans="1:6" x14ac:dyDescent="0.25">
      <c r="A5" s="8" t="s">
        <v>930</v>
      </c>
      <c r="B5" s="7"/>
      <c r="C5" s="7"/>
      <c r="D5" s="7"/>
      <c r="E5" s="7"/>
      <c r="F5" s="7"/>
    </row>
    <row r="6" spans="1:6" x14ac:dyDescent="0.25">
      <c r="A6" s="6" t="s">
        <v>3</v>
      </c>
      <c r="B6" s="7"/>
      <c r="C6" s="7"/>
      <c r="D6" s="7"/>
      <c r="E6" s="7"/>
      <c r="F6" s="7"/>
    </row>
    <row r="7" spans="1:6" x14ac:dyDescent="0.25">
      <c r="A7" s="6" t="s">
        <v>4</v>
      </c>
      <c r="B7" s="7"/>
      <c r="C7" s="7"/>
      <c r="D7" s="7"/>
      <c r="E7" s="7"/>
      <c r="F7" s="7"/>
    </row>
    <row r="9" spans="1:6" x14ac:dyDescent="0.25">
      <c r="A9" s="9" t="s">
        <v>931</v>
      </c>
      <c r="B9" s="7"/>
      <c r="C9" s="7"/>
      <c r="D9" s="7"/>
      <c r="E9" s="7"/>
      <c r="F9" s="7"/>
    </row>
    <row r="10" spans="1:6" x14ac:dyDescent="0.25">
      <c r="A10" s="10" t="s">
        <v>6</v>
      </c>
      <c r="B10" s="10" t="s">
        <v>932</v>
      </c>
      <c r="C10" s="10" t="s">
        <v>933</v>
      </c>
      <c r="D10" s="10" t="s">
        <v>934</v>
      </c>
      <c r="E10" s="10" t="s">
        <v>935</v>
      </c>
      <c r="F10" s="10" t="s">
        <v>936</v>
      </c>
    </row>
    <row r="11" spans="1:6" x14ac:dyDescent="0.25">
      <c r="A11" s="10" t="s">
        <v>7</v>
      </c>
      <c r="B11" s="10" t="s">
        <v>7</v>
      </c>
      <c r="C11" s="10" t="s">
        <v>7</v>
      </c>
      <c r="D11" s="10" t="s">
        <v>7</v>
      </c>
      <c r="E11" s="10" t="s">
        <v>7</v>
      </c>
      <c r="F11" s="10" t="s">
        <v>7</v>
      </c>
    </row>
    <row r="12" spans="1:6" x14ac:dyDescent="0.25">
      <c r="A12" s="2" t="s">
        <v>17</v>
      </c>
      <c r="B12" s="4" t="s">
        <v>594</v>
      </c>
      <c r="C12" s="12">
        <v>3140999043.0900002</v>
      </c>
      <c r="D12" s="12">
        <v>3295690642.7600002</v>
      </c>
      <c r="E12" s="12">
        <v>-154691599.66999999</v>
      </c>
      <c r="F12" s="12">
        <v>85692298.650000006</v>
      </c>
    </row>
    <row r="13" spans="1:6" x14ac:dyDescent="0.25">
      <c r="A13" s="2" t="s">
        <v>19</v>
      </c>
      <c r="B13" s="4" t="s">
        <v>937</v>
      </c>
      <c r="C13" s="12">
        <v>2566947332.0700002</v>
      </c>
      <c r="D13" s="12">
        <v>2889525200.5599999</v>
      </c>
      <c r="E13" s="12">
        <v>-322577868.49000001</v>
      </c>
      <c r="F13" s="12">
        <v>-236885569.84</v>
      </c>
    </row>
    <row r="14" spans="1:6" x14ac:dyDescent="0.25">
      <c r="A14" s="2" t="s">
        <v>21</v>
      </c>
      <c r="B14" s="4" t="s">
        <v>938</v>
      </c>
      <c r="C14" s="12">
        <v>2560671820.2800002</v>
      </c>
      <c r="D14" s="12">
        <v>2865987898.21</v>
      </c>
      <c r="E14" s="12">
        <v>-305316077.93000001</v>
      </c>
      <c r="F14" s="12">
        <v>-542201647.76999998</v>
      </c>
    </row>
    <row r="15" spans="1:6" x14ac:dyDescent="0.25">
      <c r="A15" s="2" t="s">
        <v>23</v>
      </c>
      <c r="B15" s="4" t="s">
        <v>939</v>
      </c>
      <c r="C15" s="12">
        <v>2815645960.4400001</v>
      </c>
      <c r="D15" s="12">
        <v>3403646195.3400002</v>
      </c>
      <c r="E15" s="12">
        <v>-588000234.89999998</v>
      </c>
      <c r="F15" s="12">
        <v>-1130201882.6700001</v>
      </c>
    </row>
    <row r="16" spans="1:6" x14ac:dyDescent="0.25">
      <c r="A16" s="2" t="s">
        <v>25</v>
      </c>
      <c r="B16" s="4" t="s">
        <v>940</v>
      </c>
      <c r="C16" s="12">
        <v>2813660841.4099998</v>
      </c>
      <c r="D16" s="12">
        <v>3394570565.6700001</v>
      </c>
      <c r="E16" s="12">
        <v>-580909724.25999999</v>
      </c>
      <c r="F16" s="12">
        <v>-1711111606.9300001</v>
      </c>
    </row>
    <row r="17" spans="1:6" x14ac:dyDescent="0.25">
      <c r="A17" s="2" t="s">
        <v>27</v>
      </c>
      <c r="B17" s="4" t="s">
        <v>941</v>
      </c>
      <c r="C17" s="12">
        <v>2807365694.5599999</v>
      </c>
      <c r="D17" s="12">
        <v>3367541869.3299999</v>
      </c>
      <c r="E17" s="12">
        <v>-560176174.76999998</v>
      </c>
      <c r="F17" s="12">
        <v>-2271287781.6999998</v>
      </c>
    </row>
    <row r="18" spans="1:6" x14ac:dyDescent="0.25">
      <c r="A18" s="2" t="s">
        <v>29</v>
      </c>
      <c r="B18" s="4" t="s">
        <v>942</v>
      </c>
      <c r="C18" s="12">
        <v>2806898191.1799998</v>
      </c>
      <c r="D18" s="12">
        <v>3352637386.6999998</v>
      </c>
      <c r="E18" s="12">
        <v>-545739195.51999998</v>
      </c>
      <c r="F18" s="12">
        <v>-2817026977.2199998</v>
      </c>
    </row>
    <row r="19" spans="1:6" x14ac:dyDescent="0.25">
      <c r="A19" s="2" t="s">
        <v>31</v>
      </c>
      <c r="B19" s="4" t="s">
        <v>943</v>
      </c>
      <c r="C19" s="12">
        <v>2805202288.0900002</v>
      </c>
      <c r="D19" s="12">
        <v>3337466103.4099998</v>
      </c>
      <c r="E19" s="12">
        <v>-532263815.31999999</v>
      </c>
      <c r="F19" s="12">
        <v>-3349290792.54</v>
      </c>
    </row>
    <row r="20" spans="1:6" x14ac:dyDescent="0.25">
      <c r="A20" s="2" t="s">
        <v>33</v>
      </c>
      <c r="B20" s="4" t="s">
        <v>944</v>
      </c>
      <c r="C20" s="12">
        <v>2808627798.8099999</v>
      </c>
      <c r="D20" s="12">
        <v>3334948241.54</v>
      </c>
      <c r="E20" s="12">
        <v>-526320442.73000002</v>
      </c>
      <c r="F20" s="12">
        <v>-3875611235.27</v>
      </c>
    </row>
    <row r="21" spans="1:6" x14ac:dyDescent="0.25">
      <c r="A21" s="2" t="s">
        <v>35</v>
      </c>
      <c r="B21" s="4" t="s">
        <v>945</v>
      </c>
      <c r="C21" s="12">
        <v>2814128348.9099998</v>
      </c>
      <c r="D21" s="12">
        <v>3337700896.7399998</v>
      </c>
      <c r="E21" s="12">
        <v>-523572547.82999998</v>
      </c>
      <c r="F21" s="12">
        <v>-4399183783.1000004</v>
      </c>
    </row>
    <row r="22" spans="1:6" x14ac:dyDescent="0.25">
      <c r="A22" s="2" t="s">
        <v>37</v>
      </c>
      <c r="B22" s="4" t="s">
        <v>946</v>
      </c>
      <c r="C22" s="12">
        <v>2823059670.6500001</v>
      </c>
      <c r="D22" s="12">
        <v>3348721901.0300002</v>
      </c>
      <c r="E22" s="12">
        <v>-525662230.38</v>
      </c>
      <c r="F22" s="12">
        <v>-4924846013.4799995</v>
      </c>
    </row>
    <row r="23" spans="1:6" x14ac:dyDescent="0.25">
      <c r="A23" s="2" t="s">
        <v>39</v>
      </c>
      <c r="B23" s="4" t="s">
        <v>947</v>
      </c>
      <c r="C23" s="12">
        <v>2826611993.0900002</v>
      </c>
      <c r="D23" s="12">
        <v>3349432587.1399999</v>
      </c>
      <c r="E23" s="12">
        <v>-522820594.05000001</v>
      </c>
      <c r="F23" s="12">
        <v>-5447666607.5299997</v>
      </c>
    </row>
    <row r="24" spans="1:6" x14ac:dyDescent="0.25">
      <c r="A24" s="2" t="s">
        <v>41</v>
      </c>
      <c r="B24" s="4" t="s">
        <v>948</v>
      </c>
      <c r="C24" s="12">
        <v>2828792364.27</v>
      </c>
      <c r="D24" s="12">
        <v>3347500080.2800002</v>
      </c>
      <c r="E24" s="12">
        <v>-518707716.00999999</v>
      </c>
      <c r="F24" s="12">
        <v>-5966374323.54</v>
      </c>
    </row>
    <row r="25" spans="1:6" x14ac:dyDescent="0.25">
      <c r="A25" s="2" t="s">
        <v>43</v>
      </c>
      <c r="B25" s="4" t="s">
        <v>949</v>
      </c>
      <c r="C25" s="12">
        <v>2824355608.5300002</v>
      </c>
      <c r="D25" s="12">
        <v>3332730232.3099999</v>
      </c>
      <c r="E25" s="12">
        <v>-508374623.77999997</v>
      </c>
      <c r="F25" s="12">
        <v>-6474748947.3199997</v>
      </c>
    </row>
    <row r="26" spans="1:6" x14ac:dyDescent="0.25">
      <c r="A26" s="2" t="s">
        <v>45</v>
      </c>
      <c r="B26" s="4" t="s">
        <v>950</v>
      </c>
      <c r="C26" s="12">
        <v>2818090763.7199998</v>
      </c>
      <c r="D26" s="12">
        <v>3315227676.1999998</v>
      </c>
      <c r="E26" s="12">
        <v>-497136912.47000003</v>
      </c>
      <c r="F26" s="12">
        <v>-6971885859.8000002</v>
      </c>
    </row>
    <row r="27" spans="1:6" x14ac:dyDescent="0.25">
      <c r="A27" s="2" t="s">
        <v>47</v>
      </c>
      <c r="B27" s="4" t="s">
        <v>951</v>
      </c>
      <c r="C27" s="12">
        <v>2810332704.2600002</v>
      </c>
      <c r="D27" s="12">
        <v>3294371681.7199998</v>
      </c>
      <c r="E27" s="12">
        <v>-484038977.45999998</v>
      </c>
      <c r="F27" s="12">
        <v>-7455924837.2600002</v>
      </c>
    </row>
    <row r="28" spans="1:6" x14ac:dyDescent="0.25">
      <c r="A28" s="2" t="s">
        <v>49</v>
      </c>
      <c r="B28" s="4" t="s">
        <v>952</v>
      </c>
      <c r="C28" s="12">
        <v>2801318648.5500002</v>
      </c>
      <c r="D28" s="12">
        <v>3270866637</v>
      </c>
      <c r="E28" s="12">
        <v>-469547988.44999999</v>
      </c>
      <c r="F28" s="12">
        <v>-7925472825.6999998</v>
      </c>
    </row>
    <row r="29" spans="1:6" x14ac:dyDescent="0.25">
      <c r="A29" s="2" t="s">
        <v>51</v>
      </c>
      <c r="B29" s="4" t="s">
        <v>953</v>
      </c>
      <c r="C29" s="12">
        <v>2790419562.6900001</v>
      </c>
      <c r="D29" s="12">
        <v>3245651088.8200002</v>
      </c>
      <c r="E29" s="12">
        <v>-455231526.12</v>
      </c>
      <c r="F29" s="12">
        <v>-8380704351.8299999</v>
      </c>
    </row>
    <row r="30" spans="1:6" x14ac:dyDescent="0.25">
      <c r="A30" s="2" t="s">
        <v>53</v>
      </c>
      <c r="B30" s="4" t="s">
        <v>954</v>
      </c>
      <c r="C30" s="12">
        <v>2776065312.8699999</v>
      </c>
      <c r="D30" s="12">
        <v>3213370611.3499999</v>
      </c>
      <c r="E30" s="12">
        <v>-437305298.49000001</v>
      </c>
      <c r="F30" s="12">
        <v>-8818009650.3099995</v>
      </c>
    </row>
    <row r="31" spans="1:6" x14ac:dyDescent="0.25">
      <c r="A31" s="2" t="s">
        <v>55</v>
      </c>
      <c r="B31" s="4" t="s">
        <v>955</v>
      </c>
      <c r="C31" s="12">
        <v>2762808598.2199998</v>
      </c>
      <c r="D31" s="12">
        <v>3181588502.9699998</v>
      </c>
      <c r="E31" s="12">
        <v>-418779904.75</v>
      </c>
      <c r="F31" s="12">
        <v>-9236789555.0599995</v>
      </c>
    </row>
    <row r="32" spans="1:6" x14ac:dyDescent="0.25">
      <c r="A32" s="2" t="s">
        <v>57</v>
      </c>
      <c r="B32" s="4" t="s">
        <v>956</v>
      </c>
      <c r="C32" s="12">
        <v>2746014581.1300001</v>
      </c>
      <c r="D32" s="12">
        <v>3146147868.7800002</v>
      </c>
      <c r="E32" s="12">
        <v>-400133287.64999998</v>
      </c>
      <c r="F32" s="12">
        <v>-9636922842.7199993</v>
      </c>
    </row>
    <row r="33" spans="1:6" x14ac:dyDescent="0.25">
      <c r="A33" s="2" t="s">
        <v>59</v>
      </c>
      <c r="B33" s="4" t="s">
        <v>957</v>
      </c>
      <c r="C33" s="12">
        <v>2732645702.0300002</v>
      </c>
      <c r="D33" s="12">
        <v>3117229162.8200002</v>
      </c>
      <c r="E33" s="12">
        <v>-384583460.79000002</v>
      </c>
      <c r="F33" s="12">
        <v>-10021506303.5</v>
      </c>
    </row>
    <row r="34" spans="1:6" x14ac:dyDescent="0.25">
      <c r="A34" s="2" t="s">
        <v>61</v>
      </c>
      <c r="B34" s="4" t="s">
        <v>958</v>
      </c>
      <c r="C34" s="12">
        <v>2718397336.9200001</v>
      </c>
      <c r="D34" s="12">
        <v>3089093084.9200001</v>
      </c>
      <c r="E34" s="12">
        <v>-370695748</v>
      </c>
      <c r="F34" s="12">
        <v>-10392202051.51</v>
      </c>
    </row>
    <row r="35" spans="1:6" x14ac:dyDescent="0.25">
      <c r="A35" s="2" t="s">
        <v>63</v>
      </c>
      <c r="B35" s="4" t="s">
        <v>959</v>
      </c>
      <c r="C35" s="12">
        <v>2705685683.4000001</v>
      </c>
      <c r="D35" s="12">
        <v>3063607955.1799998</v>
      </c>
      <c r="E35" s="12">
        <v>-357922271.77999997</v>
      </c>
      <c r="F35" s="12">
        <v>-10750124323.290001</v>
      </c>
    </row>
    <row r="36" spans="1:6" x14ac:dyDescent="0.25">
      <c r="A36" s="2" t="s">
        <v>65</v>
      </c>
      <c r="B36" s="4" t="s">
        <v>960</v>
      </c>
      <c r="C36" s="12">
        <v>2690081018.3099999</v>
      </c>
      <c r="D36" s="12">
        <v>3034719263.96</v>
      </c>
      <c r="E36" s="12">
        <v>-344638245.64999998</v>
      </c>
      <c r="F36" s="12">
        <v>-11094762568.940001</v>
      </c>
    </row>
    <row r="37" spans="1:6" x14ac:dyDescent="0.25">
      <c r="A37" s="2" t="s">
        <v>67</v>
      </c>
      <c r="B37" s="4" t="s">
        <v>961</v>
      </c>
      <c r="C37" s="12">
        <v>2676625104.7199998</v>
      </c>
      <c r="D37" s="12">
        <v>3009180772.96</v>
      </c>
      <c r="E37" s="12">
        <v>-332555668.24000001</v>
      </c>
      <c r="F37" s="12">
        <v>-11427318237.18</v>
      </c>
    </row>
    <row r="38" spans="1:6" x14ac:dyDescent="0.25">
      <c r="A38" s="2" t="s">
        <v>69</v>
      </c>
      <c r="B38" s="4" t="s">
        <v>962</v>
      </c>
      <c r="C38" s="12">
        <v>2658933483.98</v>
      </c>
      <c r="D38" s="12">
        <v>2976070418.0799999</v>
      </c>
      <c r="E38" s="12">
        <v>-317136934.10000002</v>
      </c>
      <c r="F38" s="12">
        <v>-11744455171.280001</v>
      </c>
    </row>
    <row r="39" spans="1:6" x14ac:dyDescent="0.25">
      <c r="A39" s="2" t="s">
        <v>71</v>
      </c>
      <c r="B39" s="4" t="s">
        <v>963</v>
      </c>
      <c r="C39" s="12">
        <v>2644386701.0900002</v>
      </c>
      <c r="D39" s="12">
        <v>2947811164.3800001</v>
      </c>
      <c r="E39" s="12">
        <v>-303424463.29000002</v>
      </c>
      <c r="F39" s="12">
        <v>-12047879634.57</v>
      </c>
    </row>
    <row r="40" spans="1:6" x14ac:dyDescent="0.25">
      <c r="A40" s="2" t="s">
        <v>73</v>
      </c>
      <c r="B40" s="4" t="s">
        <v>964</v>
      </c>
      <c r="C40" s="12">
        <v>2630102630.6199999</v>
      </c>
      <c r="D40" s="12">
        <v>2921125974.1700001</v>
      </c>
      <c r="E40" s="12">
        <v>-291023343.55000001</v>
      </c>
      <c r="F40" s="12">
        <v>-12338902978.110001</v>
      </c>
    </row>
    <row r="41" spans="1:6" x14ac:dyDescent="0.25">
      <c r="A41" s="2" t="s">
        <v>75</v>
      </c>
      <c r="B41" s="4" t="s">
        <v>965</v>
      </c>
      <c r="C41" s="12">
        <v>2617856737.0799999</v>
      </c>
      <c r="D41" s="12">
        <v>2898892344.2199998</v>
      </c>
      <c r="E41" s="12">
        <v>-281035607.13999999</v>
      </c>
      <c r="F41" s="12">
        <v>-12619938585.26</v>
      </c>
    </row>
    <row r="42" spans="1:6" x14ac:dyDescent="0.25">
      <c r="A42" s="2" t="s">
        <v>77</v>
      </c>
      <c r="B42" s="4" t="s">
        <v>966</v>
      </c>
      <c r="C42" s="12">
        <v>2597856197.96</v>
      </c>
      <c r="D42" s="12">
        <v>2862162417.5</v>
      </c>
      <c r="E42" s="12">
        <v>-264306219.53999999</v>
      </c>
      <c r="F42" s="12">
        <v>-12884244804.799999</v>
      </c>
    </row>
    <row r="43" spans="1:6" x14ac:dyDescent="0.25">
      <c r="A43" s="2" t="s">
        <v>79</v>
      </c>
      <c r="B43" s="4" t="s">
        <v>967</v>
      </c>
      <c r="C43" s="12">
        <v>2580855312.6700001</v>
      </c>
      <c r="D43" s="12">
        <v>2831974489.1300001</v>
      </c>
      <c r="E43" s="12">
        <v>-251119176.46000001</v>
      </c>
      <c r="F43" s="12">
        <v>-13135363981.26</v>
      </c>
    </row>
    <row r="44" spans="1:6" x14ac:dyDescent="0.25">
      <c r="A44" s="2" t="s">
        <v>81</v>
      </c>
      <c r="B44" s="4" t="s">
        <v>968</v>
      </c>
      <c r="C44" s="12">
        <v>2556135717.3899999</v>
      </c>
      <c r="D44" s="12">
        <v>2788226152.4400001</v>
      </c>
      <c r="E44" s="12">
        <v>-232090435.05000001</v>
      </c>
      <c r="F44" s="12">
        <v>-13367454416.309999</v>
      </c>
    </row>
    <row r="45" spans="1:6" x14ac:dyDescent="0.25">
      <c r="A45" s="2" t="s">
        <v>83</v>
      </c>
      <c r="B45" s="4" t="s">
        <v>969</v>
      </c>
      <c r="C45" s="12">
        <v>2535894065.5</v>
      </c>
      <c r="D45" s="12">
        <v>2750165942.8099999</v>
      </c>
      <c r="E45" s="12">
        <v>-214271877.31999999</v>
      </c>
      <c r="F45" s="12">
        <v>-13581726293.629999</v>
      </c>
    </row>
    <row r="46" spans="1:6" x14ac:dyDescent="0.25">
      <c r="A46" s="2" t="s">
        <v>85</v>
      </c>
      <c r="B46" s="4" t="s">
        <v>970</v>
      </c>
      <c r="C46" s="12">
        <v>2512209142.27</v>
      </c>
      <c r="D46" s="12">
        <v>2707206904.8499999</v>
      </c>
      <c r="E46" s="12">
        <v>-194997762.59</v>
      </c>
      <c r="F46" s="12">
        <v>-13776724056.219999</v>
      </c>
    </row>
    <row r="47" spans="1:6" x14ac:dyDescent="0.25">
      <c r="A47" s="2" t="s">
        <v>87</v>
      </c>
      <c r="B47" s="4" t="s">
        <v>971</v>
      </c>
      <c r="C47" s="12">
        <v>2486171939.7199998</v>
      </c>
      <c r="D47" s="12">
        <v>2657930503.79</v>
      </c>
      <c r="E47" s="12">
        <v>-171758564.06999999</v>
      </c>
      <c r="F47" s="12">
        <v>-13948482620.290001</v>
      </c>
    </row>
    <row r="48" spans="1:6" x14ac:dyDescent="0.25">
      <c r="A48" s="2" t="s">
        <v>89</v>
      </c>
      <c r="B48" s="4" t="s">
        <v>972</v>
      </c>
      <c r="C48" s="12">
        <v>2463847700.4200001</v>
      </c>
      <c r="D48" s="12">
        <v>2614383609.9400001</v>
      </c>
      <c r="E48" s="12">
        <v>-150535909.52000001</v>
      </c>
      <c r="F48" s="12">
        <v>-14099018529.809999</v>
      </c>
    </row>
    <row r="49" spans="1:6" x14ac:dyDescent="0.25">
      <c r="A49" s="2" t="s">
        <v>91</v>
      </c>
      <c r="B49" s="4" t="s">
        <v>973</v>
      </c>
      <c r="C49" s="12">
        <v>2447273878.5599999</v>
      </c>
      <c r="D49" s="12">
        <v>2582565556.8600001</v>
      </c>
      <c r="E49" s="12">
        <v>-135291678.30000001</v>
      </c>
      <c r="F49" s="12">
        <v>-14234310208.110001</v>
      </c>
    </row>
    <row r="50" spans="1:6" x14ac:dyDescent="0.25">
      <c r="A50" s="2" t="s">
        <v>93</v>
      </c>
      <c r="B50" s="4" t="s">
        <v>974</v>
      </c>
      <c r="C50" s="12">
        <v>2426403402.6199999</v>
      </c>
      <c r="D50" s="12">
        <v>2545683677.3000002</v>
      </c>
      <c r="E50" s="12">
        <v>-119280274.68000001</v>
      </c>
      <c r="F50" s="12">
        <v>-14353590482.790001</v>
      </c>
    </row>
    <row r="51" spans="1:6" x14ac:dyDescent="0.25">
      <c r="A51" s="2" t="s">
        <v>95</v>
      </c>
      <c r="B51" s="4" t="s">
        <v>975</v>
      </c>
      <c r="C51" s="12">
        <v>2405880126.1799998</v>
      </c>
      <c r="D51" s="12">
        <v>2508794568.0500002</v>
      </c>
      <c r="E51" s="12">
        <v>-102914441.87</v>
      </c>
      <c r="F51" s="12">
        <v>-14456504924.66</v>
      </c>
    </row>
    <row r="52" spans="1:6" x14ac:dyDescent="0.25">
      <c r="A52" s="2" t="s">
        <v>97</v>
      </c>
      <c r="B52" s="4" t="s">
        <v>976</v>
      </c>
      <c r="C52" s="12">
        <v>2382545446.4200001</v>
      </c>
      <c r="D52" s="12">
        <v>2465141117.3899999</v>
      </c>
      <c r="E52" s="12">
        <v>-82595670.980000004</v>
      </c>
      <c r="F52" s="12">
        <v>-14539100595.639999</v>
      </c>
    </row>
    <row r="53" spans="1:6" x14ac:dyDescent="0.25">
      <c r="A53" s="2" t="s">
        <v>99</v>
      </c>
      <c r="B53" s="4" t="s">
        <v>977</v>
      </c>
      <c r="C53" s="12">
        <v>2359004826.4400001</v>
      </c>
      <c r="D53" s="12">
        <v>2420975988.1100001</v>
      </c>
      <c r="E53" s="12">
        <v>-61971161.670000002</v>
      </c>
      <c r="F53" s="12">
        <v>-14601071757.309999</v>
      </c>
    </row>
    <row r="54" spans="1:6" x14ac:dyDescent="0.25">
      <c r="A54" s="2" t="s">
        <v>101</v>
      </c>
      <c r="B54" s="4" t="s">
        <v>978</v>
      </c>
      <c r="C54" s="12">
        <v>2336177321.02</v>
      </c>
      <c r="D54" s="12">
        <v>2377872158.98</v>
      </c>
      <c r="E54" s="12">
        <v>-41694837.960000001</v>
      </c>
      <c r="F54" s="12">
        <v>-14642766595.27</v>
      </c>
    </row>
    <row r="55" spans="1:6" x14ac:dyDescent="0.25">
      <c r="A55" s="2" t="s">
        <v>103</v>
      </c>
      <c r="B55" s="4" t="s">
        <v>979</v>
      </c>
      <c r="C55" s="12">
        <v>2314999193.8499999</v>
      </c>
      <c r="D55" s="12">
        <v>2338011677.46</v>
      </c>
      <c r="E55" s="12">
        <v>-23012483.609999999</v>
      </c>
      <c r="F55" s="12">
        <v>-14665779078.879999</v>
      </c>
    </row>
    <row r="56" spans="1:6" x14ac:dyDescent="0.25">
      <c r="A56" s="2" t="s">
        <v>105</v>
      </c>
      <c r="B56" s="4" t="s">
        <v>980</v>
      </c>
      <c r="C56" s="12">
        <v>2294817384.3400002</v>
      </c>
      <c r="D56" s="12">
        <v>2299907601.46</v>
      </c>
      <c r="E56" s="12">
        <v>-5090217.1100000003</v>
      </c>
      <c r="F56" s="12">
        <v>-14670869295.99</v>
      </c>
    </row>
    <row r="57" spans="1:6" x14ac:dyDescent="0.25">
      <c r="A57" s="2" t="s">
        <v>107</v>
      </c>
      <c r="B57" s="4" t="s">
        <v>981</v>
      </c>
      <c r="C57" s="12">
        <v>2274804864.77</v>
      </c>
      <c r="D57" s="12">
        <v>2263458921.6700001</v>
      </c>
      <c r="E57" s="12">
        <v>11345943.1</v>
      </c>
      <c r="F57" s="12">
        <v>-14659523352.889999</v>
      </c>
    </row>
    <row r="58" spans="1:6" x14ac:dyDescent="0.25">
      <c r="A58" s="2" t="s">
        <v>109</v>
      </c>
      <c r="B58" s="4" t="s">
        <v>982</v>
      </c>
      <c r="C58" s="12">
        <v>2258534175.5100002</v>
      </c>
      <c r="D58" s="12">
        <v>2232734881.5500002</v>
      </c>
      <c r="E58" s="12">
        <v>25799293.960000001</v>
      </c>
      <c r="F58" s="12">
        <v>-14633724058.93</v>
      </c>
    </row>
    <row r="59" spans="1:6" x14ac:dyDescent="0.25">
      <c r="A59" s="2" t="s">
        <v>111</v>
      </c>
      <c r="B59" s="4" t="s">
        <v>983</v>
      </c>
      <c r="C59" s="12">
        <v>2240830471.2800002</v>
      </c>
      <c r="D59" s="12">
        <v>2201664528.7600002</v>
      </c>
      <c r="E59" s="12">
        <v>39165942.509999998</v>
      </c>
      <c r="F59" s="12">
        <v>-14594558116.41</v>
      </c>
    </row>
    <row r="60" spans="1:6" x14ac:dyDescent="0.25">
      <c r="A60" s="2" t="s">
        <v>113</v>
      </c>
      <c r="B60" s="4" t="s">
        <v>984</v>
      </c>
      <c r="C60" s="12">
        <v>2224522174.5100002</v>
      </c>
      <c r="D60" s="12">
        <v>2172182200.1599998</v>
      </c>
      <c r="E60" s="12">
        <v>52339974.340000004</v>
      </c>
      <c r="F60" s="12">
        <v>-14542218142.07</v>
      </c>
    </row>
    <row r="61" spans="1:6" x14ac:dyDescent="0.25">
      <c r="A61" s="2" t="s">
        <v>115</v>
      </c>
      <c r="B61" s="4" t="s">
        <v>985</v>
      </c>
      <c r="C61" s="12">
        <v>2211451789.7800002</v>
      </c>
      <c r="D61" s="12">
        <v>2148230743.4299998</v>
      </c>
      <c r="E61" s="12">
        <v>63221046.350000001</v>
      </c>
      <c r="F61" s="12">
        <v>-14478997095.719999</v>
      </c>
    </row>
    <row r="62" spans="1:6" x14ac:dyDescent="0.25">
      <c r="A62" s="2" t="s">
        <v>117</v>
      </c>
      <c r="B62" s="4" t="s">
        <v>986</v>
      </c>
      <c r="C62" s="12">
        <v>2198217138.3299999</v>
      </c>
      <c r="D62" s="12">
        <v>2123687179.1400001</v>
      </c>
      <c r="E62" s="12">
        <v>74529959.189999998</v>
      </c>
      <c r="F62" s="12">
        <v>-14404467136.530001</v>
      </c>
    </row>
    <row r="63" spans="1:6" x14ac:dyDescent="0.25">
      <c r="A63" s="2" t="s">
        <v>119</v>
      </c>
      <c r="B63" s="4" t="s">
        <v>987</v>
      </c>
      <c r="C63" s="12">
        <v>2185550371.25</v>
      </c>
      <c r="D63" s="12">
        <v>2101446962.8800001</v>
      </c>
      <c r="E63" s="12">
        <v>84103408.370000005</v>
      </c>
      <c r="F63" s="12">
        <v>-14320363728.16</v>
      </c>
    </row>
    <row r="64" spans="1:6" x14ac:dyDescent="0.25">
      <c r="A64" s="2" t="s">
        <v>120</v>
      </c>
      <c r="B64" s="4" t="s">
        <v>988</v>
      </c>
      <c r="C64" s="12">
        <v>2172891827.9499998</v>
      </c>
      <c r="D64" s="12">
        <v>2078863301.28</v>
      </c>
      <c r="E64" s="12">
        <v>94028526.670000002</v>
      </c>
      <c r="F64" s="12">
        <v>-14226335201.48</v>
      </c>
    </row>
    <row r="65" spans="1:6" x14ac:dyDescent="0.25">
      <c r="A65" s="2" t="s">
        <v>121</v>
      </c>
      <c r="B65" s="4" t="s">
        <v>989</v>
      </c>
      <c r="C65" s="12">
        <v>2162886237.5599999</v>
      </c>
      <c r="D65" s="12">
        <v>2060982153.3699999</v>
      </c>
      <c r="E65" s="12">
        <v>101904084.19</v>
      </c>
      <c r="F65" s="12">
        <v>-14124431117.290001</v>
      </c>
    </row>
    <row r="66" spans="1:6" x14ac:dyDescent="0.25">
      <c r="A66" s="2" t="s">
        <v>122</v>
      </c>
      <c r="B66" s="4" t="s">
        <v>990</v>
      </c>
      <c r="C66" s="12">
        <v>2150136075.98</v>
      </c>
      <c r="D66" s="12">
        <v>2039483909.5799999</v>
      </c>
      <c r="E66" s="12">
        <v>110652166.40000001</v>
      </c>
      <c r="F66" s="12">
        <v>-14013778950.889999</v>
      </c>
    </row>
    <row r="67" spans="1:6" x14ac:dyDescent="0.25">
      <c r="A67" s="2" t="s">
        <v>123</v>
      </c>
      <c r="B67" s="4" t="s">
        <v>991</v>
      </c>
      <c r="C67" s="12">
        <v>2140494788.6500001</v>
      </c>
      <c r="D67" s="12">
        <v>2022651526.47</v>
      </c>
      <c r="E67" s="12">
        <v>117843262.18000001</v>
      </c>
      <c r="F67" s="12">
        <v>-13895935688.700001</v>
      </c>
    </row>
    <row r="68" spans="1:6" x14ac:dyDescent="0.25">
      <c r="A68" s="2" t="s">
        <v>124</v>
      </c>
      <c r="B68" s="4" t="s">
        <v>992</v>
      </c>
      <c r="C68" s="12">
        <v>2130570202.78</v>
      </c>
      <c r="D68" s="12">
        <v>2005471688.7</v>
      </c>
      <c r="E68" s="12">
        <v>125098514.08</v>
      </c>
      <c r="F68" s="12">
        <v>-13770837174.629999</v>
      </c>
    </row>
    <row r="69" spans="1:6" x14ac:dyDescent="0.25">
      <c r="A69" s="2" t="s">
        <v>125</v>
      </c>
      <c r="B69" s="4" t="s">
        <v>993</v>
      </c>
      <c r="C69" s="12">
        <v>2120684679.3399999</v>
      </c>
      <c r="D69" s="12">
        <v>1990203431.97</v>
      </c>
      <c r="E69" s="12">
        <v>130481247.37</v>
      </c>
      <c r="F69" s="12">
        <v>-13640355927.26</v>
      </c>
    </row>
    <row r="70" spans="1:6" x14ac:dyDescent="0.25">
      <c r="A70" s="2" t="s">
        <v>126</v>
      </c>
      <c r="B70" s="4" t="s">
        <v>994</v>
      </c>
      <c r="C70" s="12">
        <v>2112235771.27</v>
      </c>
      <c r="D70" s="12">
        <v>1975107034.74</v>
      </c>
      <c r="E70" s="12">
        <v>137128736.53</v>
      </c>
      <c r="F70" s="12">
        <v>-13503227190.73</v>
      </c>
    </row>
    <row r="71" spans="1:6" x14ac:dyDescent="0.25">
      <c r="A71" s="2" t="s">
        <v>127</v>
      </c>
      <c r="B71" s="4" t="s">
        <v>995</v>
      </c>
      <c r="C71" s="12">
        <v>2103501252</v>
      </c>
      <c r="D71" s="12">
        <v>1961431318.48</v>
      </c>
      <c r="E71" s="12">
        <v>142069933.52000001</v>
      </c>
      <c r="F71" s="12">
        <v>-13361157257.200001</v>
      </c>
    </row>
    <row r="72" spans="1:6" x14ac:dyDescent="0.25">
      <c r="A72" s="2" t="s">
        <v>129</v>
      </c>
      <c r="B72" s="4" t="s">
        <v>996</v>
      </c>
      <c r="C72" s="12">
        <v>2093232838.96</v>
      </c>
      <c r="D72" s="12">
        <v>1944209512.77</v>
      </c>
      <c r="E72" s="12">
        <v>149023326.19</v>
      </c>
      <c r="F72" s="12">
        <v>-13212133931.01</v>
      </c>
    </row>
    <row r="73" spans="1:6" x14ac:dyDescent="0.25">
      <c r="A73" s="2" t="s">
        <v>131</v>
      </c>
      <c r="B73" s="4" t="s">
        <v>997</v>
      </c>
      <c r="C73" s="12">
        <v>2075711062.8299999</v>
      </c>
      <c r="D73" s="12">
        <v>1915305304.1300001</v>
      </c>
      <c r="E73" s="12">
        <v>160405758.69999999</v>
      </c>
      <c r="F73" s="12">
        <v>-13051728172.32</v>
      </c>
    </row>
    <row r="74" spans="1:6" x14ac:dyDescent="0.25">
      <c r="A74" s="2" t="s">
        <v>133</v>
      </c>
      <c r="B74" s="4" t="s">
        <v>998</v>
      </c>
      <c r="C74" s="12">
        <v>1584496717.0599999</v>
      </c>
      <c r="D74" s="12">
        <v>1897330149.79</v>
      </c>
      <c r="E74" s="12">
        <v>-312833432.73000002</v>
      </c>
      <c r="F74" s="12">
        <v>-13364561605.040001</v>
      </c>
    </row>
    <row r="75" spans="1:6" x14ac:dyDescent="0.25">
      <c r="A75" s="2" t="s">
        <v>135</v>
      </c>
      <c r="B75" s="4" t="s">
        <v>999</v>
      </c>
      <c r="C75" s="12">
        <v>1578394351.1099999</v>
      </c>
      <c r="D75" s="12">
        <v>1880005151.21</v>
      </c>
      <c r="E75" s="12">
        <v>-301610800.08999997</v>
      </c>
      <c r="F75" s="12">
        <v>-13666172405.139999</v>
      </c>
    </row>
    <row r="76" spans="1:6" x14ac:dyDescent="0.25">
      <c r="A76" s="2" t="s">
        <v>137</v>
      </c>
      <c r="B76" s="4" t="s">
        <v>1000</v>
      </c>
      <c r="C76" s="12">
        <v>1572937654.3399999</v>
      </c>
      <c r="D76" s="12">
        <v>1861585916.49</v>
      </c>
      <c r="E76" s="12">
        <v>-288648262.14999998</v>
      </c>
      <c r="F76" s="12">
        <v>-13954820667.290001</v>
      </c>
    </row>
    <row r="77" spans="1:6" x14ac:dyDescent="0.25">
      <c r="A77" s="2" t="s">
        <v>139</v>
      </c>
      <c r="B77" s="4" t="s">
        <v>1001</v>
      </c>
      <c r="C77" s="12">
        <v>1565975291.55</v>
      </c>
      <c r="D77" s="12">
        <v>1841759013.1700001</v>
      </c>
      <c r="E77" s="12">
        <v>-275783721.62</v>
      </c>
      <c r="F77" s="12">
        <v>-14230604388.91</v>
      </c>
    </row>
    <row r="78" spans="1:6" x14ac:dyDescent="0.25">
      <c r="A78" s="2" t="s">
        <v>141</v>
      </c>
      <c r="B78" s="4" t="s">
        <v>1002</v>
      </c>
      <c r="C78" s="12">
        <v>1560081934.6700001</v>
      </c>
      <c r="D78" s="12">
        <v>1822528270.23</v>
      </c>
      <c r="E78" s="12">
        <v>-262446335.56</v>
      </c>
      <c r="F78" s="12">
        <v>-14493050724.469999</v>
      </c>
    </row>
    <row r="79" spans="1:6" x14ac:dyDescent="0.25">
      <c r="A79" s="2" t="s">
        <v>143</v>
      </c>
      <c r="B79" s="4" t="s">
        <v>1003</v>
      </c>
      <c r="C79" s="12">
        <v>1554021987</v>
      </c>
      <c r="D79" s="12">
        <v>1803528613.28</v>
      </c>
      <c r="E79" s="12">
        <v>-249506626.28</v>
      </c>
      <c r="F79" s="12">
        <v>-14742557350.75</v>
      </c>
    </row>
    <row r="80" spans="1:6" x14ac:dyDescent="0.25">
      <c r="A80" s="2" t="s">
        <v>145</v>
      </c>
      <c r="B80" s="4" t="s">
        <v>1004</v>
      </c>
      <c r="C80" s="12">
        <v>1547711017.8900001</v>
      </c>
      <c r="D80" s="12">
        <v>1782405956.9300001</v>
      </c>
      <c r="E80" s="12">
        <v>-234694939.05000001</v>
      </c>
      <c r="F80" s="12">
        <v>-14977252289.799999</v>
      </c>
    </row>
    <row r="81" spans="1:6" x14ac:dyDescent="0.25">
      <c r="A81" s="2" t="s">
        <v>147</v>
      </c>
      <c r="B81" s="4" t="s">
        <v>1005</v>
      </c>
      <c r="C81" s="12">
        <v>1540929300.3499999</v>
      </c>
      <c r="D81" s="12">
        <v>1761300200.28</v>
      </c>
      <c r="E81" s="12">
        <v>-220370899.93000001</v>
      </c>
      <c r="F81" s="12">
        <v>-15197623189.73</v>
      </c>
    </row>
    <row r="82" spans="1:6" x14ac:dyDescent="0.25">
      <c r="A82" s="2" t="s">
        <v>149</v>
      </c>
      <c r="B82" s="4" t="s">
        <v>1006</v>
      </c>
      <c r="C82" s="12">
        <v>1535262096.9100001</v>
      </c>
      <c r="D82" s="12">
        <v>1741122363.6300001</v>
      </c>
      <c r="E82" s="12">
        <v>-205860266.72</v>
      </c>
      <c r="F82" s="12">
        <v>-15403483456.450001</v>
      </c>
    </row>
    <row r="83" spans="1:6" x14ac:dyDescent="0.25">
      <c r="A83" s="2" t="s">
        <v>151</v>
      </c>
      <c r="B83" s="4" t="s">
        <v>1007</v>
      </c>
      <c r="C83" s="12">
        <v>1527519348.3</v>
      </c>
      <c r="D83" s="12">
        <v>1718539684.8399999</v>
      </c>
      <c r="E83" s="12">
        <v>-191020336.53999999</v>
      </c>
      <c r="F83" s="12">
        <v>-15594503792.99</v>
      </c>
    </row>
    <row r="84" spans="1:6" x14ac:dyDescent="0.25">
      <c r="A84" s="2" t="s">
        <v>152</v>
      </c>
      <c r="B84" s="4" t="s">
        <v>1008</v>
      </c>
      <c r="C84" s="12">
        <v>1520983393.1099999</v>
      </c>
      <c r="D84" s="12">
        <v>1696302994.51</v>
      </c>
      <c r="E84" s="12">
        <v>-175319601.40000001</v>
      </c>
      <c r="F84" s="12">
        <v>-15769823394.389999</v>
      </c>
    </row>
    <row r="85" spans="1:6" x14ac:dyDescent="0.25">
      <c r="A85" s="2" t="s">
        <v>153</v>
      </c>
      <c r="B85" s="4" t="s">
        <v>1009</v>
      </c>
      <c r="C85" s="12">
        <v>1513403424.1700001</v>
      </c>
      <c r="D85" s="12">
        <v>1673409826.03</v>
      </c>
      <c r="E85" s="12">
        <v>-160006401.86000001</v>
      </c>
      <c r="F85" s="12">
        <v>-15929829796.24</v>
      </c>
    </row>
    <row r="86" spans="1:6" x14ac:dyDescent="0.25">
      <c r="A86" s="2" t="s">
        <v>155</v>
      </c>
      <c r="B86" s="4" t="s">
        <v>1010</v>
      </c>
      <c r="C86" s="12">
        <v>1506850117.75</v>
      </c>
      <c r="D86" s="12">
        <v>1650141929.5599999</v>
      </c>
      <c r="E86" s="12">
        <v>-143291811.81</v>
      </c>
      <c r="F86" s="12">
        <v>-16073121608.049999</v>
      </c>
    </row>
    <row r="87" spans="1:6" x14ac:dyDescent="0.25">
      <c r="A87" s="2" t="s">
        <v>157</v>
      </c>
      <c r="B87" s="4" t="s">
        <v>1011</v>
      </c>
      <c r="C87" s="12">
        <v>1499346748.8800001</v>
      </c>
      <c r="D87" s="12">
        <v>1627421177.77</v>
      </c>
      <c r="E87" s="12">
        <v>-128074428.89</v>
      </c>
      <c r="F87" s="12">
        <v>-16201196036.940001</v>
      </c>
    </row>
  </sheetData>
  <mergeCells count="12">
    <mergeCell ref="A9:F9"/>
    <mergeCell ref="A10:A11"/>
    <mergeCell ref="B10:B11"/>
    <mergeCell ref="C10:C11"/>
    <mergeCell ref="D10:D11"/>
    <mergeCell ref="E10:E11"/>
    <mergeCell ref="F10:F11"/>
    <mergeCell ref="A3:F3"/>
    <mergeCell ref="A4:F4"/>
    <mergeCell ref="A5:F5"/>
    <mergeCell ref="A6:F6"/>
    <mergeCell ref="A7:F7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3</vt:i4>
      </vt:variant>
    </vt:vector>
  </HeadingPairs>
  <TitlesOfParts>
    <vt:vector size="13" baseType="lpstr">
      <vt:lpstr>Anexo - 01 - Balanço Orçamentár</vt:lpstr>
      <vt:lpstr>Anexo - 02 - Despesas Função Su</vt:lpstr>
      <vt:lpstr>Anexo - 03 - Receita Corrente L</vt:lpstr>
      <vt:lpstr>Anexo - 04 - Previdência</vt:lpstr>
      <vt:lpstr>Anexo - 06 - Resultado Primário</vt:lpstr>
      <vt:lpstr>Anexo - 07 - Restos a Pagar</vt:lpstr>
      <vt:lpstr>Anexo - 08 - Receitas e Despesa</vt:lpstr>
      <vt:lpstr>Anexo - 09 - Operações de Crédi</vt:lpstr>
      <vt:lpstr>Anexo - 10 - Projeção Atuarial </vt:lpstr>
      <vt:lpstr>Anexo - 11 - Receitas de Aliena</vt:lpstr>
      <vt:lpstr>Anexo - 12 - Receitas e Despesa</vt:lpstr>
      <vt:lpstr>Anexo - 13 - Parcerias Público-</vt:lpstr>
      <vt:lpstr>Anexo - 14 - Resumo Execução Or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Ricardo Pires de Abreu</cp:lastModifiedBy>
  <dcterms:created xsi:type="dcterms:W3CDTF">2020-01-28T19:04:38Z</dcterms:created>
  <dcterms:modified xsi:type="dcterms:W3CDTF">2020-01-28T19:14:37Z</dcterms:modified>
</cp:coreProperties>
</file>